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507\04_人材確保グループ\450_看護職\472_訪問看護ステーション等研修事業費補助\01_教育支援ステーション事業費補助金\06_実績報告\提出依頼\"/>
    </mc:Choice>
  </mc:AlternateContent>
  <bookViews>
    <workbookView xWindow="-105" yWindow="-105" windowWidth="23265" windowHeight="12585"/>
  </bookViews>
  <sheets>
    <sheet name="2  経費精算額調書" sheetId="23" r:id="rId1"/>
    <sheet name="2  経費精算額調書 (記入例)" sheetId="26" r:id="rId2"/>
    <sheet name="3  事業実績報告書" sheetId="24" r:id="rId3"/>
    <sheet name="4  事業実績明細書" sheetId="21" r:id="rId4"/>
    <sheet name="５  (1)当該事業に係る歳入歳出決算書の抄本" sheetId="25" r:id="rId5"/>
  </sheets>
  <definedNames>
    <definedName name="_xlnm.Print_Area" localSheetId="2">'3  事業実績報告書'!$A$1:$I$22</definedName>
    <definedName name="_xlnm.Print_Area" localSheetId="3">'4  事業実績明細書'!$A$1:$F$40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E40" i="21" l="1"/>
  <c r="G10" i="26" l="1"/>
  <c r="D10" i="26"/>
  <c r="H10" i="26" s="1"/>
  <c r="J10" i="26" s="1"/>
  <c r="G10" i="23"/>
  <c r="D10" i="23"/>
  <c r="H10" i="23" s="1"/>
  <c r="J10" i="23" s="1"/>
  <c r="E34" i="21" l="1"/>
  <c r="E26" i="21"/>
  <c r="E14" i="21"/>
  <c r="D17" i="25" l="1"/>
  <c r="B17" i="25"/>
</calcChain>
</file>

<file path=xl/sharedStrings.xml><?xml version="1.0" encoding="utf-8"?>
<sst xmlns="http://schemas.openxmlformats.org/spreadsheetml/2006/main" count="127" uniqueCount="98">
  <si>
    <t>　　　　　　　　　　　　　　　</t>
    <phoneticPr fontId="4"/>
  </si>
  <si>
    <t>区分</t>
  </si>
  <si>
    <t>支出予定額(単位：円)</t>
    <rPh sb="6" eb="8">
      <t>タンイ</t>
    </rPh>
    <rPh sb="9" eb="10">
      <t>エン</t>
    </rPh>
    <phoneticPr fontId="10"/>
  </si>
  <si>
    <t>積算内訳</t>
  </si>
  <si>
    <t>（研　　修　　経　　費）</t>
    <rPh sb="1" eb="2">
      <t>ケン</t>
    </rPh>
    <rPh sb="4" eb="5">
      <t>オサム</t>
    </rPh>
    <rPh sb="7" eb="8">
      <t>キョウ</t>
    </rPh>
    <rPh sb="10" eb="11">
      <t>ヒ</t>
    </rPh>
    <phoneticPr fontId="4"/>
  </si>
  <si>
    <t>賃金</t>
    <rPh sb="0" eb="2">
      <t>チンギン</t>
    </rPh>
    <phoneticPr fontId="4"/>
  </si>
  <si>
    <t>　</t>
    <phoneticPr fontId="10"/>
  </si>
  <si>
    <t>謝金</t>
    <rPh sb="0" eb="2">
      <t>シャキン</t>
    </rPh>
    <phoneticPr fontId="4"/>
  </si>
  <si>
    <t xml:space="preserve"> </t>
    <phoneticPr fontId="10"/>
  </si>
  <si>
    <t>人件費</t>
    <rPh sb="0" eb="3">
      <t>ジンケンヒ</t>
    </rPh>
    <phoneticPr fontId="4"/>
  </si>
  <si>
    <t>手当</t>
    <rPh sb="0" eb="2">
      <t>テアテ</t>
    </rPh>
    <phoneticPr fontId="4"/>
  </si>
  <si>
    <t>報償費</t>
    <phoneticPr fontId="4"/>
  </si>
  <si>
    <t>旅費</t>
    <rPh sb="0" eb="2">
      <t>リョヒ</t>
    </rPh>
    <phoneticPr fontId="4"/>
  </si>
  <si>
    <t>需用費</t>
    <rPh sb="0" eb="3">
      <t>ジュヨウヒ</t>
    </rPh>
    <phoneticPr fontId="4"/>
  </si>
  <si>
    <t>消耗品費</t>
    <rPh sb="0" eb="3">
      <t>ショウモウヒン</t>
    </rPh>
    <rPh sb="3" eb="4">
      <t>ヒ</t>
    </rPh>
    <phoneticPr fontId="4"/>
  </si>
  <si>
    <t>印刷製本費</t>
    <rPh sb="0" eb="2">
      <t>インサツ</t>
    </rPh>
    <rPh sb="2" eb="4">
      <t>セイホン</t>
    </rPh>
    <rPh sb="4" eb="5">
      <t>ヒ</t>
    </rPh>
    <phoneticPr fontId="4"/>
  </si>
  <si>
    <t>図書購入費</t>
    <rPh sb="0" eb="2">
      <t>トショ</t>
    </rPh>
    <rPh sb="2" eb="5">
      <t>コウニュウヒ</t>
    </rPh>
    <phoneticPr fontId="4"/>
  </si>
  <si>
    <t>役務費</t>
    <rPh sb="0" eb="2">
      <t>エキム</t>
    </rPh>
    <rPh sb="2" eb="3">
      <t>ヒ</t>
    </rPh>
    <phoneticPr fontId="4"/>
  </si>
  <si>
    <t>通信運搬費</t>
    <rPh sb="0" eb="2">
      <t>ツウシン</t>
    </rPh>
    <rPh sb="2" eb="5">
      <t>ウンパンヒ</t>
    </rPh>
    <phoneticPr fontId="4"/>
  </si>
  <si>
    <t>使用料及び賃借料</t>
    <rPh sb="0" eb="3">
      <t>シヨウリョウ</t>
    </rPh>
    <rPh sb="3" eb="4">
      <t>オヨ</t>
    </rPh>
    <rPh sb="5" eb="8">
      <t>チンシャクリョウ</t>
    </rPh>
    <phoneticPr fontId="4"/>
  </si>
  <si>
    <t>研修担当者経費</t>
    <rPh sb="0" eb="2">
      <t>ケンシュウ</t>
    </rPh>
    <rPh sb="2" eb="5">
      <t>タントウシャ</t>
    </rPh>
    <rPh sb="5" eb="7">
      <t>ケイヒ</t>
    </rPh>
    <phoneticPr fontId="4"/>
  </si>
  <si>
    <t>団体名（事業所名）</t>
    <rPh sb="0" eb="2">
      <t>ダンタイ</t>
    </rPh>
    <rPh sb="2" eb="3">
      <t>メイ</t>
    </rPh>
    <rPh sb="4" eb="7">
      <t>ジギョウショ</t>
    </rPh>
    <rPh sb="7" eb="8">
      <t>メイ</t>
    </rPh>
    <phoneticPr fontId="2"/>
  </si>
  <si>
    <t>計</t>
    <rPh sb="0" eb="1">
      <t>ケイ</t>
    </rPh>
    <phoneticPr fontId="4"/>
  </si>
  <si>
    <t>総事業費</t>
    <rPh sb="0" eb="4">
      <t>ソウジギョウヒ</t>
    </rPh>
    <phoneticPr fontId="10"/>
  </si>
  <si>
    <t>寄付金その他の収入額</t>
    <rPh sb="0" eb="3">
      <t>キフキン</t>
    </rPh>
    <rPh sb="5" eb="6">
      <t>タ</t>
    </rPh>
    <rPh sb="7" eb="9">
      <t>シュウニュウ</t>
    </rPh>
    <rPh sb="9" eb="10">
      <t>ガク</t>
    </rPh>
    <phoneticPr fontId="10"/>
  </si>
  <si>
    <t>要綱別表２に定める補助率</t>
    <rPh sb="0" eb="2">
      <t>ヨウコウ</t>
    </rPh>
    <phoneticPr fontId="9"/>
  </si>
  <si>
    <t>Ａ</t>
    <phoneticPr fontId="9"/>
  </si>
  <si>
    <t>Ｂ</t>
    <phoneticPr fontId="9"/>
  </si>
  <si>
    <t>Ｃ</t>
    <phoneticPr fontId="9"/>
  </si>
  <si>
    <t>Ｄ</t>
    <phoneticPr fontId="9"/>
  </si>
  <si>
    <t>Ｅ</t>
    <phoneticPr fontId="9"/>
  </si>
  <si>
    <t>3/4</t>
    <phoneticPr fontId="10"/>
  </si>
  <si>
    <t>要綱別表２に
定める基準額</t>
    <rPh sb="0" eb="2">
      <t>ヨウコウ</t>
    </rPh>
    <phoneticPr fontId="9"/>
  </si>
  <si>
    <t>選定額
（ＡとＢの
少ない方の額）</t>
    <rPh sb="0" eb="2">
      <t>センテイ</t>
    </rPh>
    <rPh sb="2" eb="3">
      <t>ガク</t>
    </rPh>
    <rPh sb="10" eb="11">
      <t>スク</t>
    </rPh>
    <rPh sb="13" eb="14">
      <t>ホウ</t>
    </rPh>
    <rPh sb="15" eb="16">
      <t>ガク</t>
    </rPh>
    <phoneticPr fontId="9"/>
  </si>
  <si>
    <t>差引
事業費
（Ｄ－Ｅ）</t>
    <phoneticPr fontId="2"/>
  </si>
  <si>
    <t>Ｆ</t>
    <phoneticPr fontId="2"/>
  </si>
  <si>
    <t>Ｇ</t>
    <phoneticPr fontId="9"/>
  </si>
  <si>
    <t>Ｈ</t>
    <phoneticPr fontId="9"/>
  </si>
  <si>
    <t>Ｉ</t>
    <phoneticPr fontId="9"/>
  </si>
  <si>
    <t>補助基本額（ＣとＦの少ない方の額）</t>
    <rPh sb="0" eb="2">
      <t>ホジョ</t>
    </rPh>
    <rPh sb="2" eb="4">
      <t>キホン</t>
    </rPh>
    <rPh sb="4" eb="5">
      <t>ガク</t>
    </rPh>
    <rPh sb="10" eb="11">
      <t>スク</t>
    </rPh>
    <rPh sb="13" eb="14">
      <t>ホウ</t>
    </rPh>
    <rPh sb="15" eb="16">
      <t>ガク</t>
    </rPh>
    <phoneticPr fontId="2"/>
  </si>
  <si>
    <t>開催日</t>
  </si>
  <si>
    <t>時間</t>
  </si>
  <si>
    <t>テーマ</t>
  </si>
  <si>
    <t>内容</t>
  </si>
  <si>
    <t>講師</t>
  </si>
  <si>
    <t>開催場所</t>
  </si>
  <si>
    <t>定員</t>
  </si>
  <si>
    <t>備　考</t>
  </si>
  <si>
    <t>第1回</t>
  </si>
  <si>
    <t>第2回</t>
  </si>
  <si>
    <t>第3回</t>
  </si>
  <si>
    <t>第4回</t>
  </si>
  <si>
    <t>第5回</t>
  </si>
  <si>
    <t>第6回</t>
  </si>
  <si>
    <t>（単位：円）</t>
    <rPh sb="1" eb="3">
      <t>タンイ</t>
    </rPh>
    <rPh sb="4" eb="5">
      <t>エン</t>
    </rPh>
    <phoneticPr fontId="10"/>
  </si>
  <si>
    <t>歳入（収入）</t>
    <rPh sb="0" eb="2">
      <t>サイニュウ</t>
    </rPh>
    <rPh sb="3" eb="5">
      <t>シュウニュウ</t>
    </rPh>
    <phoneticPr fontId="10"/>
  </si>
  <si>
    <t>歳出(支出）</t>
    <rPh sb="0" eb="2">
      <t>サイシュツ</t>
    </rPh>
    <rPh sb="3" eb="5">
      <t>シシュツ</t>
    </rPh>
    <phoneticPr fontId="10"/>
  </si>
  <si>
    <t>科目</t>
    <rPh sb="0" eb="2">
      <t>カモク</t>
    </rPh>
    <phoneticPr fontId="10"/>
  </si>
  <si>
    <t>金額</t>
    <rPh sb="0" eb="2">
      <t>キンガク</t>
    </rPh>
    <phoneticPr fontId="10"/>
  </si>
  <si>
    <t>科目</t>
    <rPh sb="0" eb="2">
      <t>カモク</t>
    </rPh>
    <phoneticPr fontId="13"/>
  </si>
  <si>
    <t>県補助金</t>
    <rPh sb="0" eb="1">
      <t>ケン</t>
    </rPh>
    <rPh sb="1" eb="4">
      <t>ホジョキン</t>
    </rPh>
    <phoneticPr fontId="10"/>
  </si>
  <si>
    <t>自己資金</t>
    <rPh sb="0" eb="2">
      <t>ジコ</t>
    </rPh>
    <rPh sb="2" eb="4">
      <t>シキン</t>
    </rPh>
    <phoneticPr fontId="10"/>
  </si>
  <si>
    <t>計</t>
    <rPh sb="0" eb="1">
      <t>ケイ</t>
    </rPh>
    <phoneticPr fontId="10"/>
  </si>
  <si>
    <t>原本と相違ないことを証明する。</t>
    <rPh sb="0" eb="2">
      <t>ゲンポン</t>
    </rPh>
    <rPh sb="3" eb="5">
      <t>ソウイ</t>
    </rPh>
    <rPh sb="10" eb="12">
      <t>ショウメイ</t>
    </rPh>
    <phoneticPr fontId="10"/>
  </si>
  <si>
    <t>所在地</t>
    <rPh sb="0" eb="3">
      <t>ショザイチ</t>
    </rPh>
    <phoneticPr fontId="10"/>
  </si>
  <si>
    <t>団体名</t>
    <rPh sb="0" eb="2">
      <t>ダンタイ</t>
    </rPh>
    <rPh sb="2" eb="3">
      <t>メイ</t>
    </rPh>
    <phoneticPr fontId="10"/>
  </si>
  <si>
    <t>代表者名</t>
    <rPh sb="0" eb="3">
      <t>ダイヒョウシャ</t>
    </rPh>
    <rPh sb="3" eb="4">
      <t>メイ</t>
    </rPh>
    <phoneticPr fontId="10"/>
  </si>
  <si>
    <t>印</t>
    <rPh sb="0" eb="1">
      <t>イン</t>
    </rPh>
    <phoneticPr fontId="10"/>
  </si>
  <si>
    <t>１　勉強会・研修会等の開催</t>
    <rPh sb="11" eb="13">
      <t>カイサイ</t>
    </rPh>
    <phoneticPr fontId="2"/>
  </si>
  <si>
    <t>２　同行訪問の実施</t>
    <phoneticPr fontId="2"/>
  </si>
  <si>
    <t>日程</t>
    <rPh sb="0" eb="2">
      <t>ニッテイ</t>
    </rPh>
    <phoneticPr fontId="2"/>
  </si>
  <si>
    <t>人数</t>
    <rPh sb="0" eb="2">
      <t>ニンズウ</t>
    </rPh>
    <phoneticPr fontId="2"/>
  </si>
  <si>
    <t>要綱別表２に
定める
対象経費の
実支出額</t>
    <rPh sb="0" eb="2">
      <t>ヨウコウ</t>
    </rPh>
    <rPh sb="17" eb="18">
      <t>ジツ</t>
    </rPh>
    <phoneticPr fontId="9"/>
  </si>
  <si>
    <t>寄付金</t>
    <rPh sb="0" eb="3">
      <t>キフキン</t>
    </rPh>
    <phoneticPr fontId="2"/>
  </si>
  <si>
    <t>受講料・謝金</t>
    <rPh sb="0" eb="3">
      <t>ジュコウリョウ</t>
    </rPh>
    <rPh sb="4" eb="6">
      <t>シャキン</t>
    </rPh>
    <phoneticPr fontId="2"/>
  </si>
  <si>
    <t>〇</t>
    <phoneticPr fontId="2"/>
  </si>
  <si>
    <t>〇</t>
    <phoneticPr fontId="2"/>
  </si>
  <si>
    <t>〇</t>
    <phoneticPr fontId="2"/>
  </si>
  <si>
    <t>医療圏
（実施地域）</t>
    <rPh sb="0" eb="2">
      <t>イリョウ</t>
    </rPh>
    <rPh sb="2" eb="3">
      <t>ケン</t>
    </rPh>
    <rPh sb="5" eb="7">
      <t>ジッシ</t>
    </rPh>
    <rPh sb="7" eb="9">
      <t>チイキ</t>
    </rPh>
    <phoneticPr fontId="9"/>
  </si>
  <si>
    <t>Ｚ</t>
    <phoneticPr fontId="2"/>
  </si>
  <si>
    <t>Ｚには医療圏と一部実施の場合は市区町村名を入力してください。</t>
    <rPh sb="3" eb="5">
      <t>イリョウ</t>
    </rPh>
    <rPh sb="5" eb="6">
      <t>ケン</t>
    </rPh>
    <rPh sb="7" eb="9">
      <t>イチブ</t>
    </rPh>
    <rPh sb="9" eb="11">
      <t>ジッシ</t>
    </rPh>
    <rPh sb="12" eb="14">
      <t>バアイ</t>
    </rPh>
    <rPh sb="15" eb="17">
      <t>シク</t>
    </rPh>
    <rPh sb="17" eb="19">
      <t>チョウソン</t>
    </rPh>
    <rPh sb="19" eb="20">
      <t>メイ</t>
    </rPh>
    <rPh sb="21" eb="23">
      <t>ニュウリョク</t>
    </rPh>
    <phoneticPr fontId="2"/>
  </si>
  <si>
    <t>県西</t>
    <rPh sb="0" eb="2">
      <t>ケンセイ</t>
    </rPh>
    <phoneticPr fontId="2"/>
  </si>
  <si>
    <t>団体名（事業所名）</t>
  </si>
  <si>
    <t>教育支援ステーション事業費補助　事業実績報告書</t>
    <rPh sb="16" eb="23">
      <t>ジギョウジッセキホウコクショ</t>
    </rPh>
    <phoneticPr fontId="2"/>
  </si>
  <si>
    <t>事業実績明細書</t>
    <rPh sb="0" eb="2">
      <t>ジギョウ</t>
    </rPh>
    <rPh sb="2" eb="4">
      <t>ジッセキ</t>
    </rPh>
    <rPh sb="4" eb="7">
      <t>メイサイショ</t>
    </rPh>
    <phoneticPr fontId="9"/>
  </si>
  <si>
    <t>Ａ、Ｂ、Ｄ、Ｅ、金額を、Ｊに交付決定額を入力してください（円は不要）。Ｃ、Ｆ、Ｇ、Ｉ、Ｋは自動計算されます。</t>
    <rPh sb="8" eb="10">
      <t>キンガク</t>
    </rPh>
    <rPh sb="14" eb="16">
      <t>コウフ</t>
    </rPh>
    <rPh sb="16" eb="18">
      <t>ケッテイ</t>
    </rPh>
    <rPh sb="18" eb="19">
      <t>ガク</t>
    </rPh>
    <rPh sb="20" eb="22">
      <t>ニュウリョク</t>
    </rPh>
    <rPh sb="29" eb="30">
      <t>エン</t>
    </rPh>
    <rPh sb="31" eb="33">
      <t>フヨウ</t>
    </rPh>
    <rPh sb="45" eb="47">
      <t>ジドウ</t>
    </rPh>
    <rPh sb="47" eb="49">
      <t>ケイサン</t>
    </rPh>
    <phoneticPr fontId="2"/>
  </si>
  <si>
    <t>Ｚには医療圏（医療圏内の一部で実施する場合は市区町村名）を入力してください。</t>
    <rPh sb="3" eb="5">
      <t>イリョウ</t>
    </rPh>
    <rPh sb="5" eb="6">
      <t>ケン</t>
    </rPh>
    <rPh sb="7" eb="9">
      <t>イリョウ</t>
    </rPh>
    <rPh sb="9" eb="10">
      <t>ケン</t>
    </rPh>
    <rPh sb="10" eb="11">
      <t>ナイ</t>
    </rPh>
    <rPh sb="12" eb="14">
      <t>イチブ</t>
    </rPh>
    <rPh sb="15" eb="17">
      <t>ジッシ</t>
    </rPh>
    <rPh sb="19" eb="21">
      <t>バアイ</t>
    </rPh>
    <rPh sb="22" eb="24">
      <t>シク</t>
    </rPh>
    <rPh sb="24" eb="26">
      <t>チョウソン</t>
    </rPh>
    <rPh sb="26" eb="27">
      <t>メイ</t>
    </rPh>
    <rPh sb="29" eb="31">
      <t>ニュウリョク</t>
    </rPh>
    <phoneticPr fontId="2"/>
  </si>
  <si>
    <t>補助所要額
（実績額）</t>
    <rPh sb="0" eb="2">
      <t>ホジョ</t>
    </rPh>
    <rPh sb="2" eb="4">
      <t>ショヨウ</t>
    </rPh>
    <rPh sb="4" eb="5">
      <t>ガク</t>
    </rPh>
    <rPh sb="7" eb="10">
      <t>ジッセキガク</t>
    </rPh>
    <phoneticPr fontId="9"/>
  </si>
  <si>
    <t>実績額が交付決定額を上回っても、交付決定額以上の支払いはできません。</t>
    <rPh sb="0" eb="2">
      <t>ジッセキ</t>
    </rPh>
    <rPh sb="2" eb="3">
      <t>ガク</t>
    </rPh>
    <rPh sb="4" eb="6">
      <t>コウフ</t>
    </rPh>
    <rPh sb="6" eb="8">
      <t>ケッテイ</t>
    </rPh>
    <rPh sb="8" eb="9">
      <t>ガク</t>
    </rPh>
    <rPh sb="10" eb="12">
      <t>ウワマワ</t>
    </rPh>
    <rPh sb="16" eb="18">
      <t>コウフ</t>
    </rPh>
    <rPh sb="18" eb="20">
      <t>ケッテイ</t>
    </rPh>
    <rPh sb="20" eb="21">
      <t>ガク</t>
    </rPh>
    <rPh sb="21" eb="23">
      <t>イジョウ</t>
    </rPh>
    <rPh sb="24" eb="26">
      <t>シハラ</t>
    </rPh>
    <phoneticPr fontId="2"/>
  </si>
  <si>
    <t>医療圏を入力してください</t>
    <rPh sb="0" eb="2">
      <t>イリョウ</t>
    </rPh>
    <rPh sb="2" eb="3">
      <t>ケン</t>
    </rPh>
    <rPh sb="4" eb="6">
      <t>ニュウリョク</t>
    </rPh>
    <phoneticPr fontId="2"/>
  </si>
  <si>
    <t>Ａ、Ｂ、Ｄ、Ｅ、に金額を入力してください（円は不要）。Ｃ、Ｆ、Ｇ、Ｉ、は自動計算されます。Iは1,000円未満切り捨てです。</t>
    <rPh sb="9" eb="11">
      <t>キンガク</t>
    </rPh>
    <rPh sb="12" eb="14">
      <t>ニュウリョク</t>
    </rPh>
    <rPh sb="21" eb="22">
      <t>エン</t>
    </rPh>
    <rPh sb="23" eb="25">
      <t>フヨウ</t>
    </rPh>
    <rPh sb="36" eb="38">
      <t>ジドウ</t>
    </rPh>
    <rPh sb="38" eb="40">
      <t>ケイサン</t>
    </rPh>
    <rPh sb="52" eb="53">
      <t>エン</t>
    </rPh>
    <rPh sb="53" eb="56">
      <t>ミマンキ</t>
    </rPh>
    <rPh sb="57" eb="58">
      <t>ス</t>
    </rPh>
    <phoneticPr fontId="2"/>
  </si>
  <si>
    <t>※ 架空団体の事業計画。研修8回各20名の参加予定、資料代1人300円を徴収するとした場合の実績です。</t>
    <rPh sb="2" eb="4">
      <t>カクウ</t>
    </rPh>
    <rPh sb="4" eb="6">
      <t>ダンタイ</t>
    </rPh>
    <rPh sb="7" eb="9">
      <t>ジギョウ</t>
    </rPh>
    <rPh sb="9" eb="11">
      <t>ケイカク</t>
    </rPh>
    <rPh sb="12" eb="14">
      <t>ケンシュウ</t>
    </rPh>
    <rPh sb="15" eb="16">
      <t>カイ</t>
    </rPh>
    <rPh sb="16" eb="17">
      <t>カク</t>
    </rPh>
    <rPh sb="19" eb="20">
      <t>メイ</t>
    </rPh>
    <rPh sb="21" eb="23">
      <t>サンカ</t>
    </rPh>
    <rPh sb="23" eb="25">
      <t>ヨテイ</t>
    </rPh>
    <rPh sb="26" eb="28">
      <t>シリョウ</t>
    </rPh>
    <rPh sb="28" eb="29">
      <t>ダイ</t>
    </rPh>
    <rPh sb="29" eb="31">
      <t>ヒトリ</t>
    </rPh>
    <rPh sb="34" eb="35">
      <t>エン</t>
    </rPh>
    <rPh sb="36" eb="38">
      <t>チョウシュウ</t>
    </rPh>
    <rPh sb="43" eb="45">
      <t>バアイ</t>
    </rPh>
    <rPh sb="46" eb="48">
      <t>ジッセキ</t>
    </rPh>
    <phoneticPr fontId="2"/>
  </si>
  <si>
    <t>訪問看護ステーション等研修事業費補助(教育支援ステーション事業費補助)</t>
    <rPh sb="0" eb="4">
      <t>ホウモンカンゴ</t>
    </rPh>
    <rPh sb="10" eb="11">
      <t>トウ</t>
    </rPh>
    <rPh sb="11" eb="18">
      <t>ケンシュウジギョウヒホジョ</t>
    </rPh>
    <rPh sb="19" eb="23">
      <t>キョウイクシエン</t>
    </rPh>
    <rPh sb="29" eb="31">
      <t>ジギョウ</t>
    </rPh>
    <rPh sb="31" eb="32">
      <t>ヒ</t>
    </rPh>
    <rPh sb="32" eb="34">
      <t>ホジョ</t>
    </rPh>
    <phoneticPr fontId="13"/>
  </si>
  <si>
    <t>令和５年度　訪問看護ステーション等研修事業費補助(教育支援ステーション事業費補助)　経費精算額調書</t>
    <rPh sb="3" eb="5">
      <t>ネンド</t>
    </rPh>
    <rPh sb="6" eb="8">
      <t>ホウモン</t>
    </rPh>
    <rPh sb="8" eb="10">
      <t>カンゴ</t>
    </rPh>
    <rPh sb="16" eb="17">
      <t>トウ</t>
    </rPh>
    <rPh sb="17" eb="19">
      <t>ケンシュウ</t>
    </rPh>
    <rPh sb="19" eb="21">
      <t>ジギョウ</t>
    </rPh>
    <rPh sb="21" eb="22">
      <t>ヒ</t>
    </rPh>
    <rPh sb="22" eb="24">
      <t>ホジョ</t>
    </rPh>
    <rPh sb="25" eb="27">
      <t>キョウイク</t>
    </rPh>
    <rPh sb="27" eb="29">
      <t>シエン</t>
    </rPh>
    <rPh sb="35" eb="38">
      <t>ジギョウヒ</t>
    </rPh>
    <rPh sb="38" eb="40">
      <t>ホジョ</t>
    </rPh>
    <rPh sb="42" eb="44">
      <t>ケイヒ</t>
    </rPh>
    <rPh sb="44" eb="47">
      <t>セイサンガク</t>
    </rPh>
    <rPh sb="47" eb="48">
      <t>シラ</t>
    </rPh>
    <rPh sb="48" eb="49">
      <t>ショ</t>
    </rPh>
    <phoneticPr fontId="10"/>
  </si>
  <si>
    <t>令和５年度訪問看護ステーション等研修事業費補助</t>
    <rPh sb="15" eb="16">
      <t>トウ</t>
    </rPh>
    <phoneticPr fontId="2"/>
  </si>
  <si>
    <t>令和５年度　訪問看護ステーション等研修事業費補助(教育支援ステーション事業費補助)</t>
    <rPh sb="3" eb="5">
      <t>ネンド</t>
    </rPh>
    <rPh sb="6" eb="8">
      <t>ホウモン</t>
    </rPh>
    <rPh sb="8" eb="10">
      <t>カンゴ</t>
    </rPh>
    <rPh sb="16" eb="17">
      <t>トウ</t>
    </rPh>
    <rPh sb="17" eb="19">
      <t>ケンシュウ</t>
    </rPh>
    <rPh sb="19" eb="21">
      <t>ジギョウ</t>
    </rPh>
    <rPh sb="21" eb="22">
      <t>ヒ</t>
    </rPh>
    <rPh sb="22" eb="24">
      <t>ホジョ</t>
    </rPh>
    <rPh sb="25" eb="27">
      <t>キョウイク</t>
    </rPh>
    <rPh sb="27" eb="29">
      <t>シエン</t>
    </rPh>
    <rPh sb="35" eb="38">
      <t>ジギョウヒ</t>
    </rPh>
    <rPh sb="38" eb="40">
      <t>ホジョ</t>
    </rPh>
    <phoneticPr fontId="9"/>
  </si>
  <si>
    <t>令和５年度 神奈川県地域医療介護総合確保基金事業費補助金 歳入・歳出決算書(抄本)</t>
    <rPh sb="3" eb="5">
      <t>ネンド</t>
    </rPh>
    <rPh sb="6" eb="10">
      <t>カナガワケン</t>
    </rPh>
    <rPh sb="10" eb="12">
      <t>チイキ</t>
    </rPh>
    <rPh sb="12" eb="14">
      <t>イリョウ</t>
    </rPh>
    <rPh sb="14" eb="16">
      <t>カイゴ</t>
    </rPh>
    <rPh sb="16" eb="18">
      <t>ソウゴウ</t>
    </rPh>
    <rPh sb="18" eb="20">
      <t>カクホ</t>
    </rPh>
    <rPh sb="20" eb="22">
      <t>キキン</t>
    </rPh>
    <rPh sb="22" eb="25">
      <t>ジギョウヒ</t>
    </rPh>
    <rPh sb="25" eb="28">
      <t>ホジョキン</t>
    </rPh>
    <rPh sb="29" eb="31">
      <t>サイニュウ</t>
    </rPh>
    <rPh sb="32" eb="34">
      <t>サイシュツ</t>
    </rPh>
    <rPh sb="34" eb="36">
      <t>ケッサン</t>
    </rPh>
    <rPh sb="36" eb="37">
      <t>ショ</t>
    </rPh>
    <rPh sb="38" eb="40">
      <t>ショウホン</t>
    </rPh>
    <phoneticPr fontId="10"/>
  </si>
  <si>
    <t>令和６年４月　日</t>
    <rPh sb="0" eb="2">
      <t>レイワ</t>
    </rPh>
    <rPh sb="3" eb="4">
      <t>ネン</t>
    </rPh>
    <rPh sb="5" eb="6">
      <t>ガツ</t>
    </rPh>
    <rPh sb="7" eb="8">
      <t>ニチ</t>
    </rPh>
    <phoneticPr fontId="1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76" formatCode="#,##0;&quot;△ &quot;#,##0"/>
    <numFmt numFmtId="177" formatCode="#,##0\ &quot;円&quot;;\-#,##0"/>
    <numFmt numFmtId="178" formatCode="#,##0_ ;[Red]\-#,##0\ "/>
    <numFmt numFmtId="179" formatCode="#,##0_ "/>
  </numFmts>
  <fonts count="28">
    <font>
      <sz val="12"/>
      <color theme="1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6"/>
      <name val="ＭＳ 明朝"/>
      <family val="2"/>
      <charset val="128"/>
    </font>
    <font>
      <sz val="11"/>
      <name val="ＭＳ Ｐ明朝"/>
      <family val="1"/>
      <charset val="128"/>
    </font>
    <font>
      <sz val="6"/>
      <name val="ＭＳ Ｐ明朝"/>
      <family val="1"/>
      <charset val="128"/>
    </font>
    <font>
      <sz val="11"/>
      <name val="ＭＳ 明朝"/>
      <family val="1"/>
      <charset val="128"/>
    </font>
    <font>
      <i/>
      <sz val="20"/>
      <name val="ＭＳ 明朝"/>
      <family val="1"/>
      <charset val="128"/>
    </font>
    <font>
      <sz val="12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Ｐゴシック"/>
      <family val="3"/>
      <charset val="128"/>
    </font>
    <font>
      <sz val="6"/>
      <name val="ＭＳ 明朝"/>
      <family val="1"/>
      <charset val="128"/>
    </font>
    <font>
      <sz val="10.5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  <font>
      <sz val="14"/>
      <color indexed="8"/>
      <name val="ＭＳ ゴシック"/>
      <family val="3"/>
      <charset val="128"/>
    </font>
    <font>
      <sz val="12"/>
      <name val="ＭＳ ゴシック"/>
      <family val="3"/>
      <charset val="128"/>
    </font>
    <font>
      <sz val="10.5"/>
      <color theme="1"/>
      <name val="Century"/>
      <family val="1"/>
    </font>
    <font>
      <b/>
      <sz val="10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0.5"/>
      <color rgb="FF000000"/>
      <name val="ＭＳ 明朝"/>
      <family val="1"/>
      <charset val="128"/>
    </font>
    <font>
      <sz val="10.5"/>
      <color rgb="FF000000"/>
      <name val="Century"/>
      <family val="1"/>
    </font>
    <font>
      <sz val="9"/>
      <color theme="1"/>
      <name val="ＭＳ 明朝"/>
      <family val="2"/>
      <charset val="128"/>
    </font>
    <font>
      <sz val="9"/>
      <name val="ＭＳ 明朝"/>
      <family val="1"/>
      <charset val="128"/>
    </font>
    <font>
      <sz val="10"/>
      <color rgb="FFFF0000"/>
      <name val="ＭＳ 明朝"/>
      <family val="1"/>
      <charset val="128"/>
    </font>
  </fonts>
  <fills count="8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rgb="FFCCFFFF"/>
        <bgColor indexed="64"/>
      </patternFill>
    </fill>
    <fill>
      <patternFill patternType="solid">
        <fgColor rgb="FFFFCCFF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CC"/>
        <bgColor indexed="64"/>
      </patternFill>
    </fill>
  </fills>
  <borders count="2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7">
    <xf numFmtId="0" fontId="0" fillId="0" borderId="0">
      <alignment vertical="center"/>
    </xf>
    <xf numFmtId="0" fontId="3" fillId="0" borderId="0"/>
    <xf numFmtId="0" fontId="7" fillId="0" borderId="0">
      <alignment vertical="center"/>
    </xf>
    <xf numFmtId="0" fontId="12" fillId="0" borderId="0">
      <alignment vertical="center"/>
    </xf>
    <xf numFmtId="0" fontId="15" fillId="0" borderId="0"/>
    <xf numFmtId="38" fontId="7" fillId="0" borderId="0" applyFont="0" applyFill="0" applyBorder="0" applyAlignment="0" applyProtection="0">
      <alignment vertical="center"/>
    </xf>
    <xf numFmtId="0" fontId="7" fillId="0" borderId="0">
      <alignment vertical="center"/>
    </xf>
  </cellStyleXfs>
  <cellXfs count="104">
    <xf numFmtId="0" fontId="0" fillId="0" borderId="0" xfId="0">
      <alignment vertical="center"/>
    </xf>
    <xf numFmtId="0" fontId="5" fillId="0" borderId="0" xfId="1" applyFont="1"/>
    <xf numFmtId="0" fontId="7" fillId="0" borderId="0" xfId="1" applyFont="1"/>
    <xf numFmtId="0" fontId="7" fillId="0" borderId="0" xfId="1" applyFont="1" applyAlignment="1">
      <alignment horizontal="right"/>
    </xf>
    <xf numFmtId="0" fontId="7" fillId="0" borderId="0" xfId="1" applyFont="1" applyAlignment="1">
      <alignment vertical="center"/>
    </xf>
    <xf numFmtId="0" fontId="7" fillId="0" borderId="2" xfId="1" applyFont="1" applyBorder="1"/>
    <xf numFmtId="0" fontId="7" fillId="0" borderId="8" xfId="1" applyFont="1" applyBorder="1"/>
    <xf numFmtId="0" fontId="7" fillId="0" borderId="1" xfId="1" applyFont="1" applyBorder="1" applyAlignment="1">
      <alignment horizontal="distributed" vertical="center" justifyLastLine="1"/>
    </xf>
    <xf numFmtId="0" fontId="11" fillId="0" borderId="0" xfId="1" applyFont="1"/>
    <xf numFmtId="0" fontId="11" fillId="0" borderId="10" xfId="1" applyFont="1" applyBorder="1"/>
    <xf numFmtId="0" fontId="11" fillId="0" borderId="3" xfId="1" applyFont="1" applyBorder="1"/>
    <xf numFmtId="176" fontId="11" fillId="0" borderId="11" xfId="1" applyNumberFormat="1" applyFont="1" applyBorder="1"/>
    <xf numFmtId="49" fontId="11" fillId="0" borderId="11" xfId="1" applyNumberFormat="1" applyFont="1" applyBorder="1" applyAlignment="1">
      <alignment shrinkToFit="1"/>
    </xf>
    <xf numFmtId="176" fontId="11" fillId="2" borderId="11" xfId="1" applyNumberFormat="1" applyFont="1" applyFill="1" applyBorder="1"/>
    <xf numFmtId="49" fontId="11" fillId="0" borderId="11" xfId="1" quotePrefix="1" applyNumberFormat="1" applyFont="1" applyBorder="1" applyAlignment="1">
      <alignment shrinkToFit="1"/>
    </xf>
    <xf numFmtId="0" fontId="11" fillId="0" borderId="11" xfId="2" applyFont="1" applyBorder="1" applyAlignment="1">
      <alignment vertical="center" shrinkToFit="1"/>
    </xf>
    <xf numFmtId="0" fontId="11" fillId="0" borderId="12" xfId="1" applyFont="1" applyBorder="1"/>
    <xf numFmtId="0" fontId="11" fillId="0" borderId="5" xfId="1" applyFont="1" applyBorder="1"/>
    <xf numFmtId="49" fontId="11" fillId="0" borderId="6" xfId="1" applyNumberFormat="1" applyFont="1" applyBorder="1" applyAlignment="1">
      <alignment shrinkToFit="1"/>
    </xf>
    <xf numFmtId="0" fontId="6" fillId="0" borderId="0" xfId="1" applyFont="1" applyAlignment="1">
      <alignment horizontal="center" vertical="center"/>
    </xf>
    <xf numFmtId="176" fontId="11" fillId="3" borderId="11" xfId="1" applyNumberFormat="1" applyFont="1" applyFill="1" applyBorder="1"/>
    <xf numFmtId="0" fontId="7" fillId="0" borderId="4" xfId="1" applyFont="1" applyBorder="1" applyAlignment="1">
      <alignment vertical="center"/>
    </xf>
    <xf numFmtId="0" fontId="16" fillId="0" borderId="0" xfId="4" applyFont="1" applyAlignment="1">
      <alignment vertical="center"/>
    </xf>
    <xf numFmtId="0" fontId="18" fillId="0" borderId="0" xfId="2" applyFont="1">
      <alignment vertical="center"/>
    </xf>
    <xf numFmtId="0" fontId="16" fillId="0" borderId="4" xfId="4" applyFont="1" applyBorder="1"/>
    <xf numFmtId="0" fontId="16" fillId="0" borderId="4" xfId="4" applyFont="1" applyBorder="1" applyAlignment="1">
      <alignment vertical="center"/>
    </xf>
    <xf numFmtId="178" fontId="16" fillId="0" borderId="17" xfId="5" quotePrefix="1" applyNumberFormat="1" applyFont="1" applyBorder="1" applyAlignment="1">
      <alignment horizontal="center" vertical="center"/>
    </xf>
    <xf numFmtId="177" fontId="16" fillId="3" borderId="1" xfId="5" applyNumberFormat="1" applyFont="1" applyFill="1" applyBorder="1" applyAlignment="1">
      <alignment horizontal="right" vertical="center"/>
    </xf>
    <xf numFmtId="0" fontId="16" fillId="0" borderId="20" xfId="4" applyFont="1" applyBorder="1" applyAlignment="1">
      <alignment horizontal="center" vertical="center"/>
    </xf>
    <xf numFmtId="0" fontId="16" fillId="0" borderId="19" xfId="4" applyFont="1" applyBorder="1" applyAlignment="1">
      <alignment horizontal="center" vertical="center" wrapText="1"/>
    </xf>
    <xf numFmtId="177" fontId="16" fillId="4" borderId="8" xfId="5" applyNumberFormat="1" applyFont="1" applyFill="1" applyBorder="1" applyAlignment="1">
      <alignment horizontal="right" vertical="center"/>
    </xf>
    <xf numFmtId="0" fontId="16" fillId="0" borderId="0" xfId="4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20" fillId="0" borderId="0" xfId="0" applyFont="1" applyAlignment="1">
      <alignment horizontal="center" vertical="center"/>
    </xf>
    <xf numFmtId="0" fontId="19" fillId="0" borderId="0" xfId="0" applyFont="1" applyAlignment="1">
      <alignment horizontal="center" vertical="center"/>
    </xf>
    <xf numFmtId="0" fontId="14" fillId="0" borderId="0" xfId="0" applyFont="1" applyAlignment="1">
      <alignment horizontal="center" vertical="center"/>
    </xf>
    <xf numFmtId="0" fontId="24" fillId="0" borderId="0" xfId="0" applyFont="1" applyAlignment="1">
      <alignment horizontal="center" vertical="center"/>
    </xf>
    <xf numFmtId="0" fontId="14" fillId="0" borderId="0" xfId="0" applyFont="1" applyAlignment="1">
      <alignment horizontal="left" vertical="center"/>
    </xf>
    <xf numFmtId="0" fontId="7" fillId="0" borderId="0" xfId="6">
      <alignment vertical="center"/>
    </xf>
    <xf numFmtId="0" fontId="7" fillId="0" borderId="0" xfId="6" applyAlignment="1">
      <alignment horizontal="right" vertical="center"/>
    </xf>
    <xf numFmtId="0" fontId="7" fillId="0" borderId="1" xfId="6" applyBorder="1" applyAlignment="1">
      <alignment horizontal="center" vertical="center"/>
    </xf>
    <xf numFmtId="0" fontId="7" fillId="0" borderId="11" xfId="6" applyBorder="1">
      <alignment vertical="center"/>
    </xf>
    <xf numFmtId="179" fontId="7" fillId="0" borderId="9" xfId="6" applyNumberFormat="1" applyBorder="1">
      <alignment vertical="center"/>
    </xf>
    <xf numFmtId="179" fontId="7" fillId="0" borderId="11" xfId="6" applyNumberFormat="1" applyBorder="1">
      <alignment vertical="center"/>
    </xf>
    <xf numFmtId="0" fontId="7" fillId="0" borderId="6" xfId="6" applyBorder="1">
      <alignment vertical="center"/>
    </xf>
    <xf numFmtId="179" fontId="7" fillId="0" borderId="6" xfId="6" applyNumberFormat="1" applyBorder="1">
      <alignment vertical="center"/>
    </xf>
    <xf numFmtId="179" fontId="7" fillId="0" borderId="1" xfId="6" applyNumberFormat="1" applyBorder="1">
      <alignment vertical="center"/>
    </xf>
    <xf numFmtId="179" fontId="7" fillId="0" borderId="1" xfId="6" applyNumberFormat="1" applyBorder="1" applyAlignment="1">
      <alignment horizontal="center" vertical="center"/>
    </xf>
    <xf numFmtId="0" fontId="1" fillId="0" borderId="0" xfId="6" applyFont="1">
      <alignment vertical="center"/>
    </xf>
    <xf numFmtId="0" fontId="7" fillId="0" borderId="0" xfId="6" applyAlignment="1">
      <alignment horizontal="center" vertical="center"/>
    </xf>
    <xf numFmtId="0" fontId="22" fillId="0" borderId="1" xfId="0" applyFont="1" applyBorder="1" applyAlignment="1">
      <alignment horizontal="center" vertical="center" wrapText="1"/>
    </xf>
    <xf numFmtId="0" fontId="25" fillId="0" borderId="1" xfId="0" applyFont="1" applyBorder="1" applyAlignment="1">
      <alignment horizontal="center" vertical="center"/>
    </xf>
    <xf numFmtId="0" fontId="22" fillId="0" borderId="1" xfId="0" applyFont="1" applyBorder="1" applyAlignment="1">
      <alignment horizontal="center" vertical="center"/>
    </xf>
    <xf numFmtId="0" fontId="23" fillId="0" borderId="1" xfId="0" applyFont="1" applyBorder="1" applyAlignment="1">
      <alignment horizontal="left" vertical="center"/>
    </xf>
    <xf numFmtId="0" fontId="0" fillId="0" borderId="1" xfId="0" applyBorder="1">
      <alignment vertical="center"/>
    </xf>
    <xf numFmtId="0" fontId="22" fillId="0" borderId="1" xfId="0" applyFont="1" applyBorder="1" applyAlignment="1">
      <alignment horizontal="justify" vertical="center" wrapText="1"/>
    </xf>
    <xf numFmtId="0" fontId="14" fillId="0" borderId="0" xfId="0" applyFont="1">
      <alignment vertical="center"/>
    </xf>
    <xf numFmtId="0" fontId="16" fillId="6" borderId="22" xfId="4" applyFont="1" applyFill="1" applyBorder="1" applyAlignment="1">
      <alignment horizontal="center" vertical="center" wrapText="1"/>
    </xf>
    <xf numFmtId="177" fontId="16" fillId="6" borderId="18" xfId="5" applyNumberFormat="1" applyFont="1" applyFill="1" applyBorder="1" applyAlignment="1">
      <alignment horizontal="right" vertical="center"/>
    </xf>
    <xf numFmtId="0" fontId="11" fillId="0" borderId="0" xfId="1" applyFont="1" applyAlignment="1">
      <alignment horizontal="distributed"/>
    </xf>
    <xf numFmtId="0" fontId="26" fillId="0" borderId="10" xfId="1" applyFont="1" applyBorder="1" applyAlignment="1">
      <alignment horizontal="center" vertical="center"/>
    </xf>
    <xf numFmtId="176" fontId="11" fillId="4" borderId="11" xfId="1" applyNumberFormat="1" applyFont="1" applyFill="1" applyBorder="1"/>
    <xf numFmtId="0" fontId="11" fillId="0" borderId="0" xfId="1" applyFont="1" applyAlignment="1">
      <alignment horizontal="center"/>
    </xf>
    <xf numFmtId="176" fontId="11" fillId="5" borderId="6" xfId="1" applyNumberFormat="1" applyFont="1" applyFill="1" applyBorder="1"/>
    <xf numFmtId="0" fontId="16" fillId="0" borderId="0" xfId="4" applyFont="1" applyAlignment="1">
      <alignment horizontal="left" vertical="center"/>
    </xf>
    <xf numFmtId="0" fontId="16" fillId="7" borderId="20" xfId="4" applyFont="1" applyFill="1" applyBorder="1" applyAlignment="1">
      <alignment horizontal="center" vertical="center"/>
    </xf>
    <xf numFmtId="177" fontId="16" fillId="7" borderId="8" xfId="5" applyNumberFormat="1" applyFont="1" applyFill="1" applyBorder="1" applyAlignment="1">
      <alignment horizontal="right" vertical="center"/>
    </xf>
    <xf numFmtId="0" fontId="16" fillId="7" borderId="21" xfId="4" applyFont="1" applyFill="1" applyBorder="1" applyAlignment="1">
      <alignment horizontal="center" vertical="center" wrapText="1"/>
    </xf>
    <xf numFmtId="0" fontId="27" fillId="0" borderId="1" xfId="4" applyFont="1" applyBorder="1" applyAlignment="1">
      <alignment horizontal="center" vertical="center"/>
    </xf>
    <xf numFmtId="177" fontId="27" fillId="3" borderId="1" xfId="5" applyNumberFormat="1" applyFont="1" applyFill="1" applyBorder="1" applyAlignment="1">
      <alignment horizontal="right" vertical="center"/>
    </xf>
    <xf numFmtId="177" fontId="27" fillId="4" borderId="8" xfId="5" applyNumberFormat="1" applyFont="1" applyFill="1" applyBorder="1" applyAlignment="1">
      <alignment horizontal="right" vertical="center"/>
    </xf>
    <xf numFmtId="0" fontId="27" fillId="0" borderId="0" xfId="4" applyFont="1" applyAlignment="1">
      <alignment vertical="center"/>
    </xf>
    <xf numFmtId="0" fontId="8" fillId="0" borderId="0" xfId="1" applyFont="1" applyAlignment="1">
      <alignment horizontal="center" vertical="center"/>
    </xf>
    <xf numFmtId="0" fontId="16" fillId="0" borderId="0" xfId="4" applyFont="1" applyAlignment="1">
      <alignment horizontal="left" vertical="center"/>
    </xf>
    <xf numFmtId="0" fontId="27" fillId="0" borderId="1" xfId="4" applyFont="1" applyBorder="1" applyAlignment="1">
      <alignment horizontal="center" vertical="center" wrapText="1"/>
    </xf>
    <xf numFmtId="0" fontId="16" fillId="0" borderId="0" xfId="4" applyFont="1" applyAlignment="1">
      <alignment horizontal="left" vertical="center"/>
    </xf>
    <xf numFmtId="0" fontId="16" fillId="7" borderId="9" xfId="4" applyFont="1" applyFill="1" applyBorder="1" applyAlignment="1">
      <alignment horizontal="center" vertical="center" wrapText="1"/>
    </xf>
    <xf numFmtId="0" fontId="16" fillId="7" borderId="11" xfId="4" applyFont="1" applyFill="1" applyBorder="1" applyAlignment="1">
      <alignment horizontal="center" vertical="center" wrapText="1"/>
    </xf>
    <xf numFmtId="0" fontId="16" fillId="7" borderId="23" xfId="4" applyFont="1" applyFill="1" applyBorder="1" applyAlignment="1">
      <alignment horizontal="center" vertical="center" wrapText="1"/>
    </xf>
    <xf numFmtId="0" fontId="16" fillId="0" borderId="9" xfId="4" applyFont="1" applyBorder="1" applyAlignment="1">
      <alignment horizontal="center" vertical="center" wrapText="1"/>
    </xf>
    <xf numFmtId="0" fontId="16" fillId="0" borderId="11" xfId="4" applyFont="1" applyBorder="1" applyAlignment="1">
      <alignment horizontal="center" vertical="center" wrapText="1"/>
    </xf>
    <xf numFmtId="0" fontId="17" fillId="0" borderId="0" xfId="2" applyFont="1" applyAlignment="1">
      <alignment horizontal="center" vertical="center"/>
    </xf>
    <xf numFmtId="0" fontId="16" fillId="0" borderId="11" xfId="4" applyFont="1" applyBorder="1" applyAlignment="1">
      <alignment horizontal="center" vertical="center"/>
    </xf>
    <xf numFmtId="0" fontId="16" fillId="7" borderId="11" xfId="4" applyFont="1" applyFill="1" applyBorder="1" applyAlignment="1">
      <alignment horizontal="center" vertical="center"/>
    </xf>
    <xf numFmtId="0" fontId="16" fillId="0" borderId="9" xfId="4" applyFont="1" applyBorder="1" applyAlignment="1">
      <alignment horizontal="center" vertical="center"/>
    </xf>
    <xf numFmtId="0" fontId="16" fillId="0" borderId="13" xfId="4" applyFont="1" applyBorder="1" applyAlignment="1">
      <alignment horizontal="center" vertical="center" wrapText="1"/>
    </xf>
    <xf numFmtId="0" fontId="16" fillId="0" borderId="15" xfId="4" applyFont="1" applyBorder="1" applyAlignment="1">
      <alignment horizontal="center" vertical="center" wrapText="1"/>
    </xf>
    <xf numFmtId="0" fontId="16" fillId="6" borderId="14" xfId="4" applyFont="1" applyFill="1" applyBorder="1" applyAlignment="1">
      <alignment horizontal="center" vertical="center" wrapText="1"/>
    </xf>
    <xf numFmtId="0" fontId="16" fillId="6" borderId="16" xfId="4" applyFont="1" applyFill="1" applyBorder="1" applyAlignment="1">
      <alignment horizontal="center" vertical="center" wrapText="1"/>
    </xf>
    <xf numFmtId="0" fontId="27" fillId="0" borderId="24" xfId="4" applyFont="1" applyBorder="1" applyAlignment="1">
      <alignment horizontal="center" vertical="center" wrapText="1"/>
    </xf>
    <xf numFmtId="0" fontId="27" fillId="0" borderId="25" xfId="4" applyFont="1" applyBorder="1" applyAlignment="1">
      <alignment horizontal="center" vertical="center" wrapText="1"/>
    </xf>
    <xf numFmtId="0" fontId="27" fillId="0" borderId="12" xfId="4" applyFont="1" applyBorder="1" applyAlignment="1">
      <alignment horizontal="center" vertical="center" wrapText="1"/>
    </xf>
    <xf numFmtId="0" fontId="27" fillId="0" borderId="5" xfId="4" applyFont="1" applyBorder="1" applyAlignment="1">
      <alignment horizontal="center" vertical="center" wrapText="1"/>
    </xf>
    <xf numFmtId="0" fontId="20" fillId="0" borderId="0" xfId="0" applyFont="1" applyAlignment="1">
      <alignment horizontal="center" vertical="center"/>
    </xf>
    <xf numFmtId="0" fontId="21" fillId="0" borderId="0" xfId="0" applyFont="1" applyAlignment="1">
      <alignment horizontal="center" vertical="center"/>
    </xf>
    <xf numFmtId="0" fontId="5" fillId="0" borderId="0" xfId="1" applyFont="1" applyAlignment="1">
      <alignment horizontal="left" vertical="center" wrapText="1"/>
    </xf>
    <xf numFmtId="0" fontId="5" fillId="0" borderId="0" xfId="1" applyFont="1" applyAlignment="1">
      <alignment horizontal="left" vertical="center"/>
    </xf>
    <xf numFmtId="0" fontId="8" fillId="0" borderId="0" xfId="1" applyFont="1" applyAlignment="1">
      <alignment horizontal="center" vertical="center"/>
    </xf>
    <xf numFmtId="0" fontId="11" fillId="0" borderId="0" xfId="1" applyFont="1" applyAlignment="1">
      <alignment horizontal="distributed"/>
    </xf>
    <xf numFmtId="0" fontId="11" fillId="0" borderId="4" xfId="1" applyFont="1" applyBorder="1" applyAlignment="1">
      <alignment horizontal="distributed" vertical="center"/>
    </xf>
    <xf numFmtId="0" fontId="7" fillId="0" borderId="7" xfId="1" applyFont="1" applyBorder="1" applyAlignment="1">
      <alignment horizontal="distributed" vertical="center"/>
    </xf>
    <xf numFmtId="0" fontId="7" fillId="0" borderId="0" xfId="6" applyAlignment="1">
      <alignment horizontal="center" vertical="center"/>
    </xf>
    <xf numFmtId="0" fontId="7" fillId="0" borderId="2" xfId="6" applyBorder="1" applyAlignment="1">
      <alignment horizontal="center" vertical="center"/>
    </xf>
    <xf numFmtId="0" fontId="7" fillId="0" borderId="8" xfId="6" applyBorder="1" applyAlignment="1">
      <alignment horizontal="center" vertical="center"/>
    </xf>
  </cellXfs>
  <cellStyles count="7">
    <cellStyle name="桁区切り 2" xfId="5"/>
    <cellStyle name="標準" xfId="0" builtinId="0"/>
    <cellStyle name="標準 2" xfId="1"/>
    <cellStyle name="標準 2 2" xfId="6"/>
    <cellStyle name="標準 3" xfId="2"/>
    <cellStyle name="標準 4" xfId="3"/>
    <cellStyle name="標準_◆【別紙1-1、1-2】計画書" xfId="4"/>
  </cellStyles>
  <dxfs count="0"/>
  <tableStyles count="0" defaultTableStyle="TableStyleMedium2" defaultPivotStyle="PivotStyleLight16"/>
  <colors>
    <mruColors>
      <color rgb="FFFFFFCC"/>
      <color rgb="FFCCFFCC"/>
      <color rgb="FFFFFF99"/>
      <color rgb="FFFFCCFF"/>
      <color rgb="FFCCFFFF"/>
      <color rgb="FFFF99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9524</xdr:colOff>
      <xdr:row>10</xdr:row>
      <xdr:rowOff>63499</xdr:rowOff>
    </xdr:from>
    <xdr:to>
      <xdr:col>10</xdr:col>
      <xdr:colOff>0</xdr:colOff>
      <xdr:row>11</xdr:row>
      <xdr:rowOff>127000</xdr:rowOff>
    </xdr:to>
    <xdr:sp macro="" textlink="">
      <xdr:nvSpPr>
        <xdr:cNvPr id="3" name="右中かっこ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 rot="5400000">
          <a:off x="10282236" y="3265487"/>
          <a:ext cx="260351" cy="2060575"/>
        </a:xfrm>
        <a:prstGeom prst="rightBrace">
          <a:avLst>
            <a:gd name="adj1" fmla="val 29955"/>
            <a:gd name="adj2" fmla="val 49508"/>
          </a:avLst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180975</xdr:colOff>
      <xdr:row>17</xdr:row>
      <xdr:rowOff>114300</xdr:rowOff>
    </xdr:from>
    <xdr:to>
      <xdr:col>10</xdr:col>
      <xdr:colOff>180975</xdr:colOff>
      <xdr:row>23</xdr:row>
      <xdr:rowOff>85725</xdr:rowOff>
    </xdr:to>
    <xdr:cxnSp macro="">
      <xdr:nvCxnSpPr>
        <xdr:cNvPr id="2" name="直線コネクタ 2">
          <a:extLst>
            <a:ext uri="{FF2B5EF4-FFF2-40B4-BE49-F238E27FC236}">
              <a16:creationId xmlns:a16="http://schemas.microsoft.com/office/drawing/2014/main" id="{00000000-0008-0000-0300-000002000000}"/>
            </a:ext>
          </a:extLst>
        </xdr:cNvPr>
        <xdr:cNvCxnSpPr>
          <a:cxnSpLocks noChangeShapeType="1"/>
        </xdr:cNvCxnSpPr>
      </xdr:nvCxnSpPr>
      <xdr:spPr bwMode="auto">
        <a:xfrm rot="5400000">
          <a:off x="10610850" y="2905125"/>
          <a:ext cx="857250" cy="0"/>
        </a:xfrm>
        <a:prstGeom prst="line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noFill/>
            </a14:hiddenFill>
          </a:ext>
          <a:ext uri="{91240B29-F687-4F45-9708-019B960494DF}">
            <a14:hiddenLine xmlns:a14="http://schemas.microsoft.com/office/drawing/2010/main" w="9525" algn="ctr">
              <a:solidFill>
                <a:srgbClr val="000000"/>
              </a:solidFill>
              <a:round/>
              <a:headEnd/>
              <a:tailEnd/>
            </a14:hiddenLine>
          </a:ext>
        </a:extLst>
      </xdr:spPr>
    </xdr:cxnSp>
    <xdr:clientData/>
  </xdr:twoCellAnchor>
  <xdr:twoCellAnchor>
    <xdr:from>
      <xdr:col>10</xdr:col>
      <xdr:colOff>180975</xdr:colOff>
      <xdr:row>17</xdr:row>
      <xdr:rowOff>114300</xdr:rowOff>
    </xdr:from>
    <xdr:to>
      <xdr:col>10</xdr:col>
      <xdr:colOff>180975</xdr:colOff>
      <xdr:row>23</xdr:row>
      <xdr:rowOff>85725</xdr:rowOff>
    </xdr:to>
    <xdr:cxnSp macro="">
      <xdr:nvCxnSpPr>
        <xdr:cNvPr id="3" name="直線コネクタ 2">
          <a:extLst>
            <a:ext uri="{FF2B5EF4-FFF2-40B4-BE49-F238E27FC236}">
              <a16:creationId xmlns:a16="http://schemas.microsoft.com/office/drawing/2014/main" id="{00000000-0008-0000-0300-000003000000}"/>
            </a:ext>
          </a:extLst>
        </xdr:cNvPr>
        <xdr:cNvCxnSpPr>
          <a:cxnSpLocks noChangeShapeType="1"/>
        </xdr:cNvCxnSpPr>
      </xdr:nvCxnSpPr>
      <xdr:spPr bwMode="auto">
        <a:xfrm rot="5400000">
          <a:off x="10610850" y="2905125"/>
          <a:ext cx="857250" cy="0"/>
        </a:xfrm>
        <a:prstGeom prst="line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noFill/>
            </a14:hiddenFill>
          </a:ext>
          <a:ext uri="{91240B29-F687-4F45-9708-019B960494DF}">
            <a14:hiddenLine xmlns:a14="http://schemas.microsoft.com/office/drawing/2010/main" w="9525" algn="ctr">
              <a:solidFill>
                <a:srgbClr val="000000"/>
              </a:solidFill>
              <a:round/>
              <a:headEnd/>
              <a:tailEnd/>
            </a14:hiddenLine>
          </a:ext>
        </a:extLst>
      </xdr:spPr>
    </xdr:cxnSp>
    <xdr:clientData/>
  </xdr:twoCellAnchor>
  <xdr:twoCellAnchor>
    <xdr:from>
      <xdr:col>10</xdr:col>
      <xdr:colOff>180975</xdr:colOff>
      <xdr:row>18</xdr:row>
      <xdr:rowOff>114300</xdr:rowOff>
    </xdr:from>
    <xdr:to>
      <xdr:col>10</xdr:col>
      <xdr:colOff>180975</xdr:colOff>
      <xdr:row>24</xdr:row>
      <xdr:rowOff>85725</xdr:rowOff>
    </xdr:to>
    <xdr:cxnSp macro="">
      <xdr:nvCxnSpPr>
        <xdr:cNvPr id="4" name="直線コネクタ 2">
          <a:extLst>
            <a:ext uri="{FF2B5EF4-FFF2-40B4-BE49-F238E27FC236}">
              <a16:creationId xmlns:a16="http://schemas.microsoft.com/office/drawing/2014/main" id="{00000000-0008-0000-0300-000004000000}"/>
            </a:ext>
          </a:extLst>
        </xdr:cNvPr>
        <xdr:cNvCxnSpPr>
          <a:cxnSpLocks noChangeShapeType="1"/>
        </xdr:cNvCxnSpPr>
      </xdr:nvCxnSpPr>
      <xdr:spPr bwMode="auto">
        <a:xfrm rot="5400000">
          <a:off x="10601325" y="3048000"/>
          <a:ext cx="876300" cy="0"/>
        </a:xfrm>
        <a:prstGeom prst="line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noFill/>
            </a14:hiddenFill>
          </a:ext>
          <a:ext uri="{91240B29-F687-4F45-9708-019B960494DF}">
            <a14:hiddenLine xmlns:a14="http://schemas.microsoft.com/office/drawing/2010/main" w="9525" algn="ctr">
              <a:solidFill>
                <a:srgbClr val="000000"/>
              </a:solidFill>
              <a:round/>
              <a:headEnd/>
              <a:tailEnd/>
            </a14:hiddenLine>
          </a:ext>
        </a:extLst>
      </xdr:spPr>
    </xdr:cxnSp>
    <xdr:clientData/>
  </xdr:twoCellAnchor>
  <xdr:twoCellAnchor>
    <xdr:from>
      <xdr:col>10</xdr:col>
      <xdr:colOff>180975</xdr:colOff>
      <xdr:row>18</xdr:row>
      <xdr:rowOff>114300</xdr:rowOff>
    </xdr:from>
    <xdr:to>
      <xdr:col>10</xdr:col>
      <xdr:colOff>180975</xdr:colOff>
      <xdr:row>24</xdr:row>
      <xdr:rowOff>85725</xdr:rowOff>
    </xdr:to>
    <xdr:cxnSp macro="">
      <xdr:nvCxnSpPr>
        <xdr:cNvPr id="5" name="直線コネクタ 2">
          <a:extLst>
            <a:ext uri="{FF2B5EF4-FFF2-40B4-BE49-F238E27FC236}">
              <a16:creationId xmlns:a16="http://schemas.microsoft.com/office/drawing/2014/main" id="{00000000-0008-0000-0300-000005000000}"/>
            </a:ext>
          </a:extLst>
        </xdr:cNvPr>
        <xdr:cNvCxnSpPr>
          <a:cxnSpLocks noChangeShapeType="1"/>
        </xdr:cNvCxnSpPr>
      </xdr:nvCxnSpPr>
      <xdr:spPr bwMode="auto">
        <a:xfrm rot="5400000">
          <a:off x="10601325" y="3048000"/>
          <a:ext cx="876300" cy="0"/>
        </a:xfrm>
        <a:prstGeom prst="line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noFill/>
            </a14:hiddenFill>
          </a:ext>
          <a:ext uri="{91240B29-F687-4F45-9708-019B960494DF}">
            <a14:hiddenLine xmlns:a14="http://schemas.microsoft.com/office/drawing/2010/main" w="9525" algn="ctr">
              <a:solidFill>
                <a:srgbClr val="000000"/>
              </a:solidFill>
              <a:round/>
              <a:headEnd/>
              <a:tailEnd/>
            </a14:hiddenLine>
          </a:ext>
        </a:extLst>
      </xdr:spPr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J12"/>
  <sheetViews>
    <sheetView tabSelected="1" zoomScale="90" zoomScaleNormal="90" zoomScaleSheetLayoutView="100" zoomScalePageLayoutView="90" workbookViewId="0">
      <selection activeCell="A4" sqref="A4"/>
    </sheetView>
  </sheetViews>
  <sheetFormatPr defaultColWidth="12.625" defaultRowHeight="24" customHeight="1"/>
  <cols>
    <col min="1" max="10" width="13.625" style="22" customWidth="1"/>
    <col min="11" max="254" width="12.625" style="22"/>
    <col min="255" max="255" width="4" style="22" customWidth="1"/>
    <col min="256" max="256" width="24.125" style="22" customWidth="1"/>
    <col min="257" max="263" width="13.5" style="22" customWidth="1"/>
    <col min="264" max="264" width="13.625" style="22" customWidth="1"/>
    <col min="265" max="265" width="14.5" style="22" customWidth="1"/>
    <col min="266" max="266" width="16.375" style="22" customWidth="1"/>
    <col min="267" max="510" width="12.625" style="22"/>
    <col min="511" max="511" width="4" style="22" customWidth="1"/>
    <col min="512" max="512" width="24.125" style="22" customWidth="1"/>
    <col min="513" max="519" width="13.5" style="22" customWidth="1"/>
    <col min="520" max="520" width="13.625" style="22" customWidth="1"/>
    <col min="521" max="521" width="14.5" style="22" customWidth="1"/>
    <col min="522" max="522" width="16.375" style="22" customWidth="1"/>
    <col min="523" max="766" width="12.625" style="22"/>
    <col min="767" max="767" width="4" style="22" customWidth="1"/>
    <col min="768" max="768" width="24.125" style="22" customWidth="1"/>
    <col min="769" max="775" width="13.5" style="22" customWidth="1"/>
    <col min="776" max="776" width="13.625" style="22" customWidth="1"/>
    <col min="777" max="777" width="14.5" style="22" customWidth="1"/>
    <col min="778" max="778" width="16.375" style="22" customWidth="1"/>
    <col min="779" max="1022" width="12.625" style="22"/>
    <col min="1023" max="1023" width="4" style="22" customWidth="1"/>
    <col min="1024" max="1024" width="24.125" style="22" customWidth="1"/>
    <col min="1025" max="1031" width="13.5" style="22" customWidth="1"/>
    <col min="1032" max="1032" width="13.625" style="22" customWidth="1"/>
    <col min="1033" max="1033" width="14.5" style="22" customWidth="1"/>
    <col min="1034" max="1034" width="16.375" style="22" customWidth="1"/>
    <col min="1035" max="1278" width="12.625" style="22"/>
    <col min="1279" max="1279" width="4" style="22" customWidth="1"/>
    <col min="1280" max="1280" width="24.125" style="22" customWidth="1"/>
    <col min="1281" max="1287" width="13.5" style="22" customWidth="1"/>
    <col min="1288" max="1288" width="13.625" style="22" customWidth="1"/>
    <col min="1289" max="1289" width="14.5" style="22" customWidth="1"/>
    <col min="1290" max="1290" width="16.375" style="22" customWidth="1"/>
    <col min="1291" max="1534" width="12.625" style="22"/>
    <col min="1535" max="1535" width="4" style="22" customWidth="1"/>
    <col min="1536" max="1536" width="24.125" style="22" customWidth="1"/>
    <col min="1537" max="1543" width="13.5" style="22" customWidth="1"/>
    <col min="1544" max="1544" width="13.625" style="22" customWidth="1"/>
    <col min="1545" max="1545" width="14.5" style="22" customWidth="1"/>
    <col min="1546" max="1546" width="16.375" style="22" customWidth="1"/>
    <col min="1547" max="1790" width="12.625" style="22"/>
    <col min="1791" max="1791" width="4" style="22" customWidth="1"/>
    <col min="1792" max="1792" width="24.125" style="22" customWidth="1"/>
    <col min="1793" max="1799" width="13.5" style="22" customWidth="1"/>
    <col min="1800" max="1800" width="13.625" style="22" customWidth="1"/>
    <col min="1801" max="1801" width="14.5" style="22" customWidth="1"/>
    <col min="1802" max="1802" width="16.375" style="22" customWidth="1"/>
    <col min="1803" max="2046" width="12.625" style="22"/>
    <col min="2047" max="2047" width="4" style="22" customWidth="1"/>
    <col min="2048" max="2048" width="24.125" style="22" customWidth="1"/>
    <col min="2049" max="2055" width="13.5" style="22" customWidth="1"/>
    <col min="2056" max="2056" width="13.625" style="22" customWidth="1"/>
    <col min="2057" max="2057" width="14.5" style="22" customWidth="1"/>
    <col min="2058" max="2058" width="16.375" style="22" customWidth="1"/>
    <col min="2059" max="2302" width="12.625" style="22"/>
    <col min="2303" max="2303" width="4" style="22" customWidth="1"/>
    <col min="2304" max="2304" width="24.125" style="22" customWidth="1"/>
    <col min="2305" max="2311" width="13.5" style="22" customWidth="1"/>
    <col min="2312" max="2312" width="13.625" style="22" customWidth="1"/>
    <col min="2313" max="2313" width="14.5" style="22" customWidth="1"/>
    <col min="2314" max="2314" width="16.375" style="22" customWidth="1"/>
    <col min="2315" max="2558" width="12.625" style="22"/>
    <col min="2559" max="2559" width="4" style="22" customWidth="1"/>
    <col min="2560" max="2560" width="24.125" style="22" customWidth="1"/>
    <col min="2561" max="2567" width="13.5" style="22" customWidth="1"/>
    <col min="2568" max="2568" width="13.625" style="22" customWidth="1"/>
    <col min="2569" max="2569" width="14.5" style="22" customWidth="1"/>
    <col min="2570" max="2570" width="16.375" style="22" customWidth="1"/>
    <col min="2571" max="2814" width="12.625" style="22"/>
    <col min="2815" max="2815" width="4" style="22" customWidth="1"/>
    <col min="2816" max="2816" width="24.125" style="22" customWidth="1"/>
    <col min="2817" max="2823" width="13.5" style="22" customWidth="1"/>
    <col min="2824" max="2824" width="13.625" style="22" customWidth="1"/>
    <col min="2825" max="2825" width="14.5" style="22" customWidth="1"/>
    <col min="2826" max="2826" width="16.375" style="22" customWidth="1"/>
    <col min="2827" max="3070" width="12.625" style="22"/>
    <col min="3071" max="3071" width="4" style="22" customWidth="1"/>
    <col min="3072" max="3072" width="24.125" style="22" customWidth="1"/>
    <col min="3073" max="3079" width="13.5" style="22" customWidth="1"/>
    <col min="3080" max="3080" width="13.625" style="22" customWidth="1"/>
    <col min="3081" max="3081" width="14.5" style="22" customWidth="1"/>
    <col min="3082" max="3082" width="16.375" style="22" customWidth="1"/>
    <col min="3083" max="3326" width="12.625" style="22"/>
    <col min="3327" max="3327" width="4" style="22" customWidth="1"/>
    <col min="3328" max="3328" width="24.125" style="22" customWidth="1"/>
    <col min="3329" max="3335" width="13.5" style="22" customWidth="1"/>
    <col min="3336" max="3336" width="13.625" style="22" customWidth="1"/>
    <col min="3337" max="3337" width="14.5" style="22" customWidth="1"/>
    <col min="3338" max="3338" width="16.375" style="22" customWidth="1"/>
    <col min="3339" max="3582" width="12.625" style="22"/>
    <col min="3583" max="3583" width="4" style="22" customWidth="1"/>
    <col min="3584" max="3584" width="24.125" style="22" customWidth="1"/>
    <col min="3585" max="3591" width="13.5" style="22" customWidth="1"/>
    <col min="3592" max="3592" width="13.625" style="22" customWidth="1"/>
    <col min="3593" max="3593" width="14.5" style="22" customWidth="1"/>
    <col min="3594" max="3594" width="16.375" style="22" customWidth="1"/>
    <col min="3595" max="3838" width="12.625" style="22"/>
    <col min="3839" max="3839" width="4" style="22" customWidth="1"/>
    <col min="3840" max="3840" width="24.125" style="22" customWidth="1"/>
    <col min="3841" max="3847" width="13.5" style="22" customWidth="1"/>
    <col min="3848" max="3848" width="13.625" style="22" customWidth="1"/>
    <col min="3849" max="3849" width="14.5" style="22" customWidth="1"/>
    <col min="3850" max="3850" width="16.375" style="22" customWidth="1"/>
    <col min="3851" max="4094" width="12.625" style="22"/>
    <col min="4095" max="4095" width="4" style="22" customWidth="1"/>
    <col min="4096" max="4096" width="24.125" style="22" customWidth="1"/>
    <col min="4097" max="4103" width="13.5" style="22" customWidth="1"/>
    <col min="4104" max="4104" width="13.625" style="22" customWidth="1"/>
    <col min="4105" max="4105" width="14.5" style="22" customWidth="1"/>
    <col min="4106" max="4106" width="16.375" style="22" customWidth="1"/>
    <col min="4107" max="4350" width="12.625" style="22"/>
    <col min="4351" max="4351" width="4" style="22" customWidth="1"/>
    <col min="4352" max="4352" width="24.125" style="22" customWidth="1"/>
    <col min="4353" max="4359" width="13.5" style="22" customWidth="1"/>
    <col min="4360" max="4360" width="13.625" style="22" customWidth="1"/>
    <col min="4361" max="4361" width="14.5" style="22" customWidth="1"/>
    <col min="4362" max="4362" width="16.375" style="22" customWidth="1"/>
    <col min="4363" max="4606" width="12.625" style="22"/>
    <col min="4607" max="4607" width="4" style="22" customWidth="1"/>
    <col min="4608" max="4608" width="24.125" style="22" customWidth="1"/>
    <col min="4609" max="4615" width="13.5" style="22" customWidth="1"/>
    <col min="4616" max="4616" width="13.625" style="22" customWidth="1"/>
    <col min="4617" max="4617" width="14.5" style="22" customWidth="1"/>
    <col min="4618" max="4618" width="16.375" style="22" customWidth="1"/>
    <col min="4619" max="4862" width="12.625" style="22"/>
    <col min="4863" max="4863" width="4" style="22" customWidth="1"/>
    <col min="4864" max="4864" width="24.125" style="22" customWidth="1"/>
    <col min="4865" max="4871" width="13.5" style="22" customWidth="1"/>
    <col min="4872" max="4872" width="13.625" style="22" customWidth="1"/>
    <col min="4873" max="4873" width="14.5" style="22" customWidth="1"/>
    <col min="4874" max="4874" width="16.375" style="22" customWidth="1"/>
    <col min="4875" max="5118" width="12.625" style="22"/>
    <col min="5119" max="5119" width="4" style="22" customWidth="1"/>
    <col min="5120" max="5120" width="24.125" style="22" customWidth="1"/>
    <col min="5121" max="5127" width="13.5" style="22" customWidth="1"/>
    <col min="5128" max="5128" width="13.625" style="22" customWidth="1"/>
    <col min="5129" max="5129" width="14.5" style="22" customWidth="1"/>
    <col min="5130" max="5130" width="16.375" style="22" customWidth="1"/>
    <col min="5131" max="5374" width="12.625" style="22"/>
    <col min="5375" max="5375" width="4" style="22" customWidth="1"/>
    <col min="5376" max="5376" width="24.125" style="22" customWidth="1"/>
    <col min="5377" max="5383" width="13.5" style="22" customWidth="1"/>
    <col min="5384" max="5384" width="13.625" style="22" customWidth="1"/>
    <col min="5385" max="5385" width="14.5" style="22" customWidth="1"/>
    <col min="5386" max="5386" width="16.375" style="22" customWidth="1"/>
    <col min="5387" max="5630" width="12.625" style="22"/>
    <col min="5631" max="5631" width="4" style="22" customWidth="1"/>
    <col min="5632" max="5632" width="24.125" style="22" customWidth="1"/>
    <col min="5633" max="5639" width="13.5" style="22" customWidth="1"/>
    <col min="5640" max="5640" width="13.625" style="22" customWidth="1"/>
    <col min="5641" max="5641" width="14.5" style="22" customWidth="1"/>
    <col min="5642" max="5642" width="16.375" style="22" customWidth="1"/>
    <col min="5643" max="5886" width="12.625" style="22"/>
    <col min="5887" max="5887" width="4" style="22" customWidth="1"/>
    <col min="5888" max="5888" width="24.125" style="22" customWidth="1"/>
    <col min="5889" max="5895" width="13.5" style="22" customWidth="1"/>
    <col min="5896" max="5896" width="13.625" style="22" customWidth="1"/>
    <col min="5897" max="5897" width="14.5" style="22" customWidth="1"/>
    <col min="5898" max="5898" width="16.375" style="22" customWidth="1"/>
    <col min="5899" max="6142" width="12.625" style="22"/>
    <col min="6143" max="6143" width="4" style="22" customWidth="1"/>
    <col min="6144" max="6144" width="24.125" style="22" customWidth="1"/>
    <col min="6145" max="6151" width="13.5" style="22" customWidth="1"/>
    <col min="6152" max="6152" width="13.625" style="22" customWidth="1"/>
    <col min="6153" max="6153" width="14.5" style="22" customWidth="1"/>
    <col min="6154" max="6154" width="16.375" style="22" customWidth="1"/>
    <col min="6155" max="6398" width="12.625" style="22"/>
    <col min="6399" max="6399" width="4" style="22" customWidth="1"/>
    <col min="6400" max="6400" width="24.125" style="22" customWidth="1"/>
    <col min="6401" max="6407" width="13.5" style="22" customWidth="1"/>
    <col min="6408" max="6408" width="13.625" style="22" customWidth="1"/>
    <col min="6409" max="6409" width="14.5" style="22" customWidth="1"/>
    <col min="6410" max="6410" width="16.375" style="22" customWidth="1"/>
    <col min="6411" max="6654" width="12.625" style="22"/>
    <col min="6655" max="6655" width="4" style="22" customWidth="1"/>
    <col min="6656" max="6656" width="24.125" style="22" customWidth="1"/>
    <col min="6657" max="6663" width="13.5" style="22" customWidth="1"/>
    <col min="6664" max="6664" width="13.625" style="22" customWidth="1"/>
    <col min="6665" max="6665" width="14.5" style="22" customWidth="1"/>
    <col min="6666" max="6666" width="16.375" style="22" customWidth="1"/>
    <col min="6667" max="6910" width="12.625" style="22"/>
    <col min="6911" max="6911" width="4" style="22" customWidth="1"/>
    <col min="6912" max="6912" width="24.125" style="22" customWidth="1"/>
    <col min="6913" max="6919" width="13.5" style="22" customWidth="1"/>
    <col min="6920" max="6920" width="13.625" style="22" customWidth="1"/>
    <col min="6921" max="6921" width="14.5" style="22" customWidth="1"/>
    <col min="6922" max="6922" width="16.375" style="22" customWidth="1"/>
    <col min="6923" max="7166" width="12.625" style="22"/>
    <col min="7167" max="7167" width="4" style="22" customWidth="1"/>
    <col min="7168" max="7168" width="24.125" style="22" customWidth="1"/>
    <col min="7169" max="7175" width="13.5" style="22" customWidth="1"/>
    <col min="7176" max="7176" width="13.625" style="22" customWidth="1"/>
    <col min="7177" max="7177" width="14.5" style="22" customWidth="1"/>
    <col min="7178" max="7178" width="16.375" style="22" customWidth="1"/>
    <col min="7179" max="7422" width="12.625" style="22"/>
    <col min="7423" max="7423" width="4" style="22" customWidth="1"/>
    <col min="7424" max="7424" width="24.125" style="22" customWidth="1"/>
    <col min="7425" max="7431" width="13.5" style="22" customWidth="1"/>
    <col min="7432" max="7432" width="13.625" style="22" customWidth="1"/>
    <col min="7433" max="7433" width="14.5" style="22" customWidth="1"/>
    <col min="7434" max="7434" width="16.375" style="22" customWidth="1"/>
    <col min="7435" max="7678" width="12.625" style="22"/>
    <col min="7679" max="7679" width="4" style="22" customWidth="1"/>
    <col min="7680" max="7680" width="24.125" style="22" customWidth="1"/>
    <col min="7681" max="7687" width="13.5" style="22" customWidth="1"/>
    <col min="7688" max="7688" width="13.625" style="22" customWidth="1"/>
    <col min="7689" max="7689" width="14.5" style="22" customWidth="1"/>
    <col min="7690" max="7690" width="16.375" style="22" customWidth="1"/>
    <col min="7691" max="7934" width="12.625" style="22"/>
    <col min="7935" max="7935" width="4" style="22" customWidth="1"/>
    <col min="7936" max="7936" width="24.125" style="22" customWidth="1"/>
    <col min="7937" max="7943" width="13.5" style="22" customWidth="1"/>
    <col min="7944" max="7944" width="13.625" style="22" customWidth="1"/>
    <col min="7945" max="7945" width="14.5" style="22" customWidth="1"/>
    <col min="7946" max="7946" width="16.375" style="22" customWidth="1"/>
    <col min="7947" max="8190" width="12.625" style="22"/>
    <col min="8191" max="8191" width="4" style="22" customWidth="1"/>
    <col min="8192" max="8192" width="24.125" style="22" customWidth="1"/>
    <col min="8193" max="8199" width="13.5" style="22" customWidth="1"/>
    <col min="8200" max="8200" width="13.625" style="22" customWidth="1"/>
    <col min="8201" max="8201" width="14.5" style="22" customWidth="1"/>
    <col min="8202" max="8202" width="16.375" style="22" customWidth="1"/>
    <col min="8203" max="8446" width="12.625" style="22"/>
    <col min="8447" max="8447" width="4" style="22" customWidth="1"/>
    <col min="8448" max="8448" width="24.125" style="22" customWidth="1"/>
    <col min="8449" max="8455" width="13.5" style="22" customWidth="1"/>
    <col min="8456" max="8456" width="13.625" style="22" customWidth="1"/>
    <col min="8457" max="8457" width="14.5" style="22" customWidth="1"/>
    <col min="8458" max="8458" width="16.375" style="22" customWidth="1"/>
    <col min="8459" max="8702" width="12.625" style="22"/>
    <col min="8703" max="8703" width="4" style="22" customWidth="1"/>
    <col min="8704" max="8704" width="24.125" style="22" customWidth="1"/>
    <col min="8705" max="8711" width="13.5" style="22" customWidth="1"/>
    <col min="8712" max="8712" width="13.625" style="22" customWidth="1"/>
    <col min="8713" max="8713" width="14.5" style="22" customWidth="1"/>
    <col min="8714" max="8714" width="16.375" style="22" customWidth="1"/>
    <col min="8715" max="8958" width="12.625" style="22"/>
    <col min="8959" max="8959" width="4" style="22" customWidth="1"/>
    <col min="8960" max="8960" width="24.125" style="22" customWidth="1"/>
    <col min="8961" max="8967" width="13.5" style="22" customWidth="1"/>
    <col min="8968" max="8968" width="13.625" style="22" customWidth="1"/>
    <col min="8969" max="8969" width="14.5" style="22" customWidth="1"/>
    <col min="8970" max="8970" width="16.375" style="22" customWidth="1"/>
    <col min="8971" max="9214" width="12.625" style="22"/>
    <col min="9215" max="9215" width="4" style="22" customWidth="1"/>
    <col min="9216" max="9216" width="24.125" style="22" customWidth="1"/>
    <col min="9217" max="9223" width="13.5" style="22" customWidth="1"/>
    <col min="9224" max="9224" width="13.625" style="22" customWidth="1"/>
    <col min="9225" max="9225" width="14.5" style="22" customWidth="1"/>
    <col min="9226" max="9226" width="16.375" style="22" customWidth="1"/>
    <col min="9227" max="9470" width="12.625" style="22"/>
    <col min="9471" max="9471" width="4" style="22" customWidth="1"/>
    <col min="9472" max="9472" width="24.125" style="22" customWidth="1"/>
    <col min="9473" max="9479" width="13.5" style="22" customWidth="1"/>
    <col min="9480" max="9480" width="13.625" style="22" customWidth="1"/>
    <col min="9481" max="9481" width="14.5" style="22" customWidth="1"/>
    <col min="9482" max="9482" width="16.375" style="22" customWidth="1"/>
    <col min="9483" max="9726" width="12.625" style="22"/>
    <col min="9727" max="9727" width="4" style="22" customWidth="1"/>
    <col min="9728" max="9728" width="24.125" style="22" customWidth="1"/>
    <col min="9729" max="9735" width="13.5" style="22" customWidth="1"/>
    <col min="9736" max="9736" width="13.625" style="22" customWidth="1"/>
    <col min="9737" max="9737" width="14.5" style="22" customWidth="1"/>
    <col min="9738" max="9738" width="16.375" style="22" customWidth="1"/>
    <col min="9739" max="9982" width="12.625" style="22"/>
    <col min="9983" max="9983" width="4" style="22" customWidth="1"/>
    <col min="9984" max="9984" width="24.125" style="22" customWidth="1"/>
    <col min="9985" max="9991" width="13.5" style="22" customWidth="1"/>
    <col min="9992" max="9992" width="13.625" style="22" customWidth="1"/>
    <col min="9993" max="9993" width="14.5" style="22" customWidth="1"/>
    <col min="9994" max="9994" width="16.375" style="22" customWidth="1"/>
    <col min="9995" max="10238" width="12.625" style="22"/>
    <col min="10239" max="10239" width="4" style="22" customWidth="1"/>
    <col min="10240" max="10240" width="24.125" style="22" customWidth="1"/>
    <col min="10241" max="10247" width="13.5" style="22" customWidth="1"/>
    <col min="10248" max="10248" width="13.625" style="22" customWidth="1"/>
    <col min="10249" max="10249" width="14.5" style="22" customWidth="1"/>
    <col min="10250" max="10250" width="16.375" style="22" customWidth="1"/>
    <col min="10251" max="10494" width="12.625" style="22"/>
    <col min="10495" max="10495" width="4" style="22" customWidth="1"/>
    <col min="10496" max="10496" width="24.125" style="22" customWidth="1"/>
    <col min="10497" max="10503" width="13.5" style="22" customWidth="1"/>
    <col min="10504" max="10504" width="13.625" style="22" customWidth="1"/>
    <col min="10505" max="10505" width="14.5" style="22" customWidth="1"/>
    <col min="10506" max="10506" width="16.375" style="22" customWidth="1"/>
    <col min="10507" max="10750" width="12.625" style="22"/>
    <col min="10751" max="10751" width="4" style="22" customWidth="1"/>
    <col min="10752" max="10752" width="24.125" style="22" customWidth="1"/>
    <col min="10753" max="10759" width="13.5" style="22" customWidth="1"/>
    <col min="10760" max="10760" width="13.625" style="22" customWidth="1"/>
    <col min="10761" max="10761" width="14.5" style="22" customWidth="1"/>
    <col min="10762" max="10762" width="16.375" style="22" customWidth="1"/>
    <col min="10763" max="11006" width="12.625" style="22"/>
    <col min="11007" max="11007" width="4" style="22" customWidth="1"/>
    <col min="11008" max="11008" width="24.125" style="22" customWidth="1"/>
    <col min="11009" max="11015" width="13.5" style="22" customWidth="1"/>
    <col min="11016" max="11016" width="13.625" style="22" customWidth="1"/>
    <col min="11017" max="11017" width="14.5" style="22" customWidth="1"/>
    <col min="11018" max="11018" width="16.375" style="22" customWidth="1"/>
    <col min="11019" max="11262" width="12.625" style="22"/>
    <col min="11263" max="11263" width="4" style="22" customWidth="1"/>
    <col min="11264" max="11264" width="24.125" style="22" customWidth="1"/>
    <col min="11265" max="11271" width="13.5" style="22" customWidth="1"/>
    <col min="11272" max="11272" width="13.625" style="22" customWidth="1"/>
    <col min="11273" max="11273" width="14.5" style="22" customWidth="1"/>
    <col min="11274" max="11274" width="16.375" style="22" customWidth="1"/>
    <col min="11275" max="11518" width="12.625" style="22"/>
    <col min="11519" max="11519" width="4" style="22" customWidth="1"/>
    <col min="11520" max="11520" width="24.125" style="22" customWidth="1"/>
    <col min="11521" max="11527" width="13.5" style="22" customWidth="1"/>
    <col min="11528" max="11528" width="13.625" style="22" customWidth="1"/>
    <col min="11529" max="11529" width="14.5" style="22" customWidth="1"/>
    <col min="11530" max="11530" width="16.375" style="22" customWidth="1"/>
    <col min="11531" max="11774" width="12.625" style="22"/>
    <col min="11775" max="11775" width="4" style="22" customWidth="1"/>
    <col min="11776" max="11776" width="24.125" style="22" customWidth="1"/>
    <col min="11777" max="11783" width="13.5" style="22" customWidth="1"/>
    <col min="11784" max="11784" width="13.625" style="22" customWidth="1"/>
    <col min="11785" max="11785" width="14.5" style="22" customWidth="1"/>
    <col min="11786" max="11786" width="16.375" style="22" customWidth="1"/>
    <col min="11787" max="12030" width="12.625" style="22"/>
    <col min="12031" max="12031" width="4" style="22" customWidth="1"/>
    <col min="12032" max="12032" width="24.125" style="22" customWidth="1"/>
    <col min="12033" max="12039" width="13.5" style="22" customWidth="1"/>
    <col min="12040" max="12040" width="13.625" style="22" customWidth="1"/>
    <col min="12041" max="12041" width="14.5" style="22" customWidth="1"/>
    <col min="12042" max="12042" width="16.375" style="22" customWidth="1"/>
    <col min="12043" max="12286" width="12.625" style="22"/>
    <col min="12287" max="12287" width="4" style="22" customWidth="1"/>
    <col min="12288" max="12288" width="24.125" style="22" customWidth="1"/>
    <col min="12289" max="12295" width="13.5" style="22" customWidth="1"/>
    <col min="12296" max="12296" width="13.625" style="22" customWidth="1"/>
    <col min="12297" max="12297" width="14.5" style="22" customWidth="1"/>
    <col min="12298" max="12298" width="16.375" style="22" customWidth="1"/>
    <col min="12299" max="12542" width="12.625" style="22"/>
    <col min="12543" max="12543" width="4" style="22" customWidth="1"/>
    <col min="12544" max="12544" width="24.125" style="22" customWidth="1"/>
    <col min="12545" max="12551" width="13.5" style="22" customWidth="1"/>
    <col min="12552" max="12552" width="13.625" style="22" customWidth="1"/>
    <col min="12553" max="12553" width="14.5" style="22" customWidth="1"/>
    <col min="12554" max="12554" width="16.375" style="22" customWidth="1"/>
    <col min="12555" max="12798" width="12.625" style="22"/>
    <col min="12799" max="12799" width="4" style="22" customWidth="1"/>
    <col min="12800" max="12800" width="24.125" style="22" customWidth="1"/>
    <col min="12801" max="12807" width="13.5" style="22" customWidth="1"/>
    <col min="12808" max="12808" width="13.625" style="22" customWidth="1"/>
    <col min="12809" max="12809" width="14.5" style="22" customWidth="1"/>
    <col min="12810" max="12810" width="16.375" style="22" customWidth="1"/>
    <col min="12811" max="13054" width="12.625" style="22"/>
    <col min="13055" max="13055" width="4" style="22" customWidth="1"/>
    <col min="13056" max="13056" width="24.125" style="22" customWidth="1"/>
    <col min="13057" max="13063" width="13.5" style="22" customWidth="1"/>
    <col min="13064" max="13064" width="13.625" style="22" customWidth="1"/>
    <col min="13065" max="13065" width="14.5" style="22" customWidth="1"/>
    <col min="13066" max="13066" width="16.375" style="22" customWidth="1"/>
    <col min="13067" max="13310" width="12.625" style="22"/>
    <col min="13311" max="13311" width="4" style="22" customWidth="1"/>
    <col min="13312" max="13312" width="24.125" style="22" customWidth="1"/>
    <col min="13313" max="13319" width="13.5" style="22" customWidth="1"/>
    <col min="13320" max="13320" width="13.625" style="22" customWidth="1"/>
    <col min="13321" max="13321" width="14.5" style="22" customWidth="1"/>
    <col min="13322" max="13322" width="16.375" style="22" customWidth="1"/>
    <col min="13323" max="13566" width="12.625" style="22"/>
    <col min="13567" max="13567" width="4" style="22" customWidth="1"/>
    <col min="13568" max="13568" width="24.125" style="22" customWidth="1"/>
    <col min="13569" max="13575" width="13.5" style="22" customWidth="1"/>
    <col min="13576" max="13576" width="13.625" style="22" customWidth="1"/>
    <col min="13577" max="13577" width="14.5" style="22" customWidth="1"/>
    <col min="13578" max="13578" width="16.375" style="22" customWidth="1"/>
    <col min="13579" max="13822" width="12.625" style="22"/>
    <col min="13823" max="13823" width="4" style="22" customWidth="1"/>
    <col min="13824" max="13824" width="24.125" style="22" customWidth="1"/>
    <col min="13825" max="13831" width="13.5" style="22" customWidth="1"/>
    <col min="13832" max="13832" width="13.625" style="22" customWidth="1"/>
    <col min="13833" max="13833" width="14.5" style="22" customWidth="1"/>
    <col min="13834" max="13834" width="16.375" style="22" customWidth="1"/>
    <col min="13835" max="14078" width="12.625" style="22"/>
    <col min="14079" max="14079" width="4" style="22" customWidth="1"/>
    <col min="14080" max="14080" width="24.125" style="22" customWidth="1"/>
    <col min="14081" max="14087" width="13.5" style="22" customWidth="1"/>
    <col min="14088" max="14088" width="13.625" style="22" customWidth="1"/>
    <col min="14089" max="14089" width="14.5" style="22" customWidth="1"/>
    <col min="14090" max="14090" width="16.375" style="22" customWidth="1"/>
    <col min="14091" max="14334" width="12.625" style="22"/>
    <col min="14335" max="14335" width="4" style="22" customWidth="1"/>
    <col min="14336" max="14336" width="24.125" style="22" customWidth="1"/>
    <col min="14337" max="14343" width="13.5" style="22" customWidth="1"/>
    <col min="14344" max="14344" width="13.625" style="22" customWidth="1"/>
    <col min="14345" max="14345" width="14.5" style="22" customWidth="1"/>
    <col min="14346" max="14346" width="16.375" style="22" customWidth="1"/>
    <col min="14347" max="14590" width="12.625" style="22"/>
    <col min="14591" max="14591" width="4" style="22" customWidth="1"/>
    <col min="14592" max="14592" width="24.125" style="22" customWidth="1"/>
    <col min="14593" max="14599" width="13.5" style="22" customWidth="1"/>
    <col min="14600" max="14600" width="13.625" style="22" customWidth="1"/>
    <col min="14601" max="14601" width="14.5" style="22" customWidth="1"/>
    <col min="14602" max="14602" width="16.375" style="22" customWidth="1"/>
    <col min="14603" max="14846" width="12.625" style="22"/>
    <col min="14847" max="14847" width="4" style="22" customWidth="1"/>
    <col min="14848" max="14848" width="24.125" style="22" customWidth="1"/>
    <col min="14849" max="14855" width="13.5" style="22" customWidth="1"/>
    <col min="14856" max="14856" width="13.625" style="22" customWidth="1"/>
    <col min="14857" max="14857" width="14.5" style="22" customWidth="1"/>
    <col min="14858" max="14858" width="16.375" style="22" customWidth="1"/>
    <col min="14859" max="15102" width="12.625" style="22"/>
    <col min="15103" max="15103" width="4" style="22" customWidth="1"/>
    <col min="15104" max="15104" width="24.125" style="22" customWidth="1"/>
    <col min="15105" max="15111" width="13.5" style="22" customWidth="1"/>
    <col min="15112" max="15112" width="13.625" style="22" customWidth="1"/>
    <col min="15113" max="15113" width="14.5" style="22" customWidth="1"/>
    <col min="15114" max="15114" width="16.375" style="22" customWidth="1"/>
    <col min="15115" max="15358" width="12.625" style="22"/>
    <col min="15359" max="15359" width="4" style="22" customWidth="1"/>
    <col min="15360" max="15360" width="24.125" style="22" customWidth="1"/>
    <col min="15361" max="15367" width="13.5" style="22" customWidth="1"/>
    <col min="15368" max="15368" width="13.625" style="22" customWidth="1"/>
    <col min="15369" max="15369" width="14.5" style="22" customWidth="1"/>
    <col min="15370" max="15370" width="16.375" style="22" customWidth="1"/>
    <col min="15371" max="15614" width="12.625" style="22"/>
    <col min="15615" max="15615" width="4" style="22" customWidth="1"/>
    <col min="15616" max="15616" width="24.125" style="22" customWidth="1"/>
    <col min="15617" max="15623" width="13.5" style="22" customWidth="1"/>
    <col min="15624" max="15624" width="13.625" style="22" customWidth="1"/>
    <col min="15625" max="15625" width="14.5" style="22" customWidth="1"/>
    <col min="15626" max="15626" width="16.375" style="22" customWidth="1"/>
    <col min="15627" max="15870" width="12.625" style="22"/>
    <col min="15871" max="15871" width="4" style="22" customWidth="1"/>
    <col min="15872" max="15872" width="24.125" style="22" customWidth="1"/>
    <col min="15873" max="15879" width="13.5" style="22" customWidth="1"/>
    <col min="15880" max="15880" width="13.625" style="22" customWidth="1"/>
    <col min="15881" max="15881" width="14.5" style="22" customWidth="1"/>
    <col min="15882" max="15882" width="16.375" style="22" customWidth="1"/>
    <col min="15883" max="16126" width="12.625" style="22"/>
    <col min="16127" max="16127" width="4" style="22" customWidth="1"/>
    <col min="16128" max="16128" width="24.125" style="22" customWidth="1"/>
    <col min="16129" max="16135" width="13.5" style="22" customWidth="1"/>
    <col min="16136" max="16136" width="13.625" style="22" customWidth="1"/>
    <col min="16137" max="16137" width="14.5" style="22" customWidth="1"/>
    <col min="16138" max="16138" width="16.375" style="22" customWidth="1"/>
    <col min="16139" max="16384" width="12.625" style="22"/>
  </cols>
  <sheetData>
    <row r="1" spans="1:10" ht="20.25" customHeight="1">
      <c r="A1" s="31"/>
    </row>
    <row r="2" spans="1:10" s="23" customFormat="1" ht="30" customHeight="1">
      <c r="A2" s="81" t="s">
        <v>93</v>
      </c>
      <c r="B2" s="81"/>
      <c r="C2" s="81"/>
      <c r="D2" s="81"/>
      <c r="E2" s="81"/>
      <c r="F2" s="81"/>
      <c r="G2" s="81"/>
      <c r="H2" s="81"/>
      <c r="I2" s="81"/>
      <c r="J2" s="81"/>
    </row>
    <row r="3" spans="1:10" ht="24" customHeight="1">
      <c r="G3" s="24" t="s">
        <v>82</v>
      </c>
      <c r="H3" s="25"/>
      <c r="I3" s="24"/>
      <c r="J3" s="25"/>
    </row>
    <row r="4" spans="1:10" ht="7.5" customHeight="1" thickBot="1"/>
    <row r="5" spans="1:10" ht="24" customHeight="1">
      <c r="A5" s="79" t="s">
        <v>78</v>
      </c>
      <c r="B5" s="79" t="s">
        <v>32</v>
      </c>
      <c r="C5" s="79" t="s">
        <v>72</v>
      </c>
      <c r="D5" s="76" t="s">
        <v>33</v>
      </c>
      <c r="E5" s="84" t="s">
        <v>23</v>
      </c>
      <c r="F5" s="79" t="s">
        <v>24</v>
      </c>
      <c r="G5" s="76" t="s">
        <v>34</v>
      </c>
      <c r="H5" s="76" t="s">
        <v>39</v>
      </c>
      <c r="I5" s="85" t="s">
        <v>25</v>
      </c>
      <c r="J5" s="87" t="s">
        <v>87</v>
      </c>
    </row>
    <row r="6" spans="1:10" ht="24" customHeight="1">
      <c r="A6" s="80"/>
      <c r="B6" s="80"/>
      <c r="C6" s="82"/>
      <c r="D6" s="83"/>
      <c r="E6" s="82"/>
      <c r="F6" s="80"/>
      <c r="G6" s="77"/>
      <c r="H6" s="77"/>
      <c r="I6" s="86"/>
      <c r="J6" s="88"/>
    </row>
    <row r="7" spans="1:10" ht="24" customHeight="1">
      <c r="A7" s="80"/>
      <c r="B7" s="80"/>
      <c r="C7" s="82"/>
      <c r="D7" s="83"/>
      <c r="E7" s="82"/>
      <c r="F7" s="80"/>
      <c r="G7" s="77"/>
      <c r="H7" s="77"/>
      <c r="I7" s="86"/>
      <c r="J7" s="88"/>
    </row>
    <row r="8" spans="1:10" ht="24" customHeight="1">
      <c r="A8" s="80"/>
      <c r="B8" s="80"/>
      <c r="C8" s="82"/>
      <c r="D8" s="83"/>
      <c r="E8" s="82"/>
      <c r="F8" s="80"/>
      <c r="G8" s="78"/>
      <c r="H8" s="77"/>
      <c r="I8" s="86"/>
      <c r="J8" s="88"/>
    </row>
    <row r="9" spans="1:10" ht="24" customHeight="1">
      <c r="A9" s="28" t="s">
        <v>79</v>
      </c>
      <c r="B9" s="28" t="s">
        <v>26</v>
      </c>
      <c r="C9" s="28" t="s">
        <v>27</v>
      </c>
      <c r="D9" s="65" t="s">
        <v>28</v>
      </c>
      <c r="E9" s="28" t="s">
        <v>29</v>
      </c>
      <c r="F9" s="28" t="s">
        <v>30</v>
      </c>
      <c r="G9" s="65" t="s">
        <v>35</v>
      </c>
      <c r="H9" s="67" t="s">
        <v>36</v>
      </c>
      <c r="I9" s="29" t="s">
        <v>37</v>
      </c>
      <c r="J9" s="57" t="s">
        <v>38</v>
      </c>
    </row>
    <row r="10" spans="1:10" ht="121.5" customHeight="1" thickBot="1">
      <c r="A10" s="74" t="s">
        <v>89</v>
      </c>
      <c r="B10" s="27">
        <v>1600000</v>
      </c>
      <c r="C10" s="27">
        <v>0</v>
      </c>
      <c r="D10" s="66">
        <f>MIN(B10,C10)</f>
        <v>0</v>
      </c>
      <c r="E10" s="30"/>
      <c r="F10" s="30"/>
      <c r="G10" s="66">
        <f>SUM(E10-F10)</f>
        <v>0</v>
      </c>
      <c r="H10" s="66">
        <f>MIN(D10,G10)</f>
        <v>0</v>
      </c>
      <c r="I10" s="26" t="s">
        <v>31</v>
      </c>
      <c r="J10" s="58">
        <f>ROUNDDOWN(H10*0.75,-3)</f>
        <v>0</v>
      </c>
    </row>
    <row r="11" spans="1:10" ht="15.75" customHeight="1">
      <c r="A11" s="75" t="s">
        <v>80</v>
      </c>
      <c r="B11" s="75"/>
      <c r="C11" s="75"/>
      <c r="D11" s="75"/>
      <c r="E11" s="75"/>
      <c r="F11" s="75"/>
      <c r="G11" s="75"/>
      <c r="H11" s="75"/>
      <c r="I11" s="75"/>
      <c r="J11" s="75"/>
    </row>
    <row r="12" spans="1:10" ht="15.75" customHeight="1">
      <c r="A12" s="73" t="s">
        <v>90</v>
      </c>
      <c r="B12" s="64"/>
      <c r="C12" s="64"/>
      <c r="D12" s="64"/>
      <c r="E12" s="64"/>
      <c r="F12" s="64"/>
      <c r="G12" s="64"/>
      <c r="H12" s="64"/>
      <c r="I12" s="64"/>
      <c r="J12" s="64"/>
    </row>
  </sheetData>
  <mergeCells count="12">
    <mergeCell ref="A11:J11"/>
    <mergeCell ref="G5:G8"/>
    <mergeCell ref="A5:A8"/>
    <mergeCell ref="A2:J2"/>
    <mergeCell ref="B5:B8"/>
    <mergeCell ref="C5:C8"/>
    <mergeCell ref="D5:D8"/>
    <mergeCell ref="E5:E8"/>
    <mergeCell ref="F5:F8"/>
    <mergeCell ref="H5:H8"/>
    <mergeCell ref="I5:I8"/>
    <mergeCell ref="J5:J8"/>
  </mergeCells>
  <phoneticPr fontId="2"/>
  <printOptions horizontalCentered="1"/>
  <pageMargins left="0.78740157480314965" right="0.78740157480314965" top="1.5748031496062993" bottom="0.78740157480314965" header="0.78740157480314965" footer="0.39370078740157483"/>
  <pageSetup paperSize="9" scale="89" orientation="landscape" r:id="rId1"/>
  <headerFooter alignWithMargins="0">
    <oddHeader>&amp;L様式５関係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14"/>
  <sheetViews>
    <sheetView zoomScale="90" zoomScaleNormal="90" zoomScaleSheetLayoutView="100" workbookViewId="0">
      <selection activeCell="A3" sqref="A3"/>
    </sheetView>
  </sheetViews>
  <sheetFormatPr defaultColWidth="12.625" defaultRowHeight="24" customHeight="1"/>
  <cols>
    <col min="1" max="10" width="13.625" style="22" customWidth="1"/>
    <col min="11" max="254" width="12.625" style="22"/>
    <col min="255" max="255" width="4" style="22" customWidth="1"/>
    <col min="256" max="256" width="24.125" style="22" customWidth="1"/>
    <col min="257" max="263" width="13.5" style="22" customWidth="1"/>
    <col min="264" max="264" width="13.625" style="22" customWidth="1"/>
    <col min="265" max="265" width="14.5" style="22" customWidth="1"/>
    <col min="266" max="266" width="16.375" style="22" customWidth="1"/>
    <col min="267" max="510" width="12.625" style="22"/>
    <col min="511" max="511" width="4" style="22" customWidth="1"/>
    <col min="512" max="512" width="24.125" style="22" customWidth="1"/>
    <col min="513" max="519" width="13.5" style="22" customWidth="1"/>
    <col min="520" max="520" width="13.625" style="22" customWidth="1"/>
    <col min="521" max="521" width="14.5" style="22" customWidth="1"/>
    <col min="522" max="522" width="16.375" style="22" customWidth="1"/>
    <col min="523" max="766" width="12.625" style="22"/>
    <col min="767" max="767" width="4" style="22" customWidth="1"/>
    <col min="768" max="768" width="24.125" style="22" customWidth="1"/>
    <col min="769" max="775" width="13.5" style="22" customWidth="1"/>
    <col min="776" max="776" width="13.625" style="22" customWidth="1"/>
    <col min="777" max="777" width="14.5" style="22" customWidth="1"/>
    <col min="778" max="778" width="16.375" style="22" customWidth="1"/>
    <col min="779" max="1022" width="12.625" style="22"/>
    <col min="1023" max="1023" width="4" style="22" customWidth="1"/>
    <col min="1024" max="1024" width="24.125" style="22" customWidth="1"/>
    <col min="1025" max="1031" width="13.5" style="22" customWidth="1"/>
    <col min="1032" max="1032" width="13.625" style="22" customWidth="1"/>
    <col min="1033" max="1033" width="14.5" style="22" customWidth="1"/>
    <col min="1034" max="1034" width="16.375" style="22" customWidth="1"/>
    <col min="1035" max="1278" width="12.625" style="22"/>
    <col min="1279" max="1279" width="4" style="22" customWidth="1"/>
    <col min="1280" max="1280" width="24.125" style="22" customWidth="1"/>
    <col min="1281" max="1287" width="13.5" style="22" customWidth="1"/>
    <col min="1288" max="1288" width="13.625" style="22" customWidth="1"/>
    <col min="1289" max="1289" width="14.5" style="22" customWidth="1"/>
    <col min="1290" max="1290" width="16.375" style="22" customWidth="1"/>
    <col min="1291" max="1534" width="12.625" style="22"/>
    <col min="1535" max="1535" width="4" style="22" customWidth="1"/>
    <col min="1536" max="1536" width="24.125" style="22" customWidth="1"/>
    <col min="1537" max="1543" width="13.5" style="22" customWidth="1"/>
    <col min="1544" max="1544" width="13.625" style="22" customWidth="1"/>
    <col min="1545" max="1545" width="14.5" style="22" customWidth="1"/>
    <col min="1546" max="1546" width="16.375" style="22" customWidth="1"/>
    <col min="1547" max="1790" width="12.625" style="22"/>
    <col min="1791" max="1791" width="4" style="22" customWidth="1"/>
    <col min="1792" max="1792" width="24.125" style="22" customWidth="1"/>
    <col min="1793" max="1799" width="13.5" style="22" customWidth="1"/>
    <col min="1800" max="1800" width="13.625" style="22" customWidth="1"/>
    <col min="1801" max="1801" width="14.5" style="22" customWidth="1"/>
    <col min="1802" max="1802" width="16.375" style="22" customWidth="1"/>
    <col min="1803" max="2046" width="12.625" style="22"/>
    <col min="2047" max="2047" width="4" style="22" customWidth="1"/>
    <col min="2048" max="2048" width="24.125" style="22" customWidth="1"/>
    <col min="2049" max="2055" width="13.5" style="22" customWidth="1"/>
    <col min="2056" max="2056" width="13.625" style="22" customWidth="1"/>
    <col min="2057" max="2057" width="14.5" style="22" customWidth="1"/>
    <col min="2058" max="2058" width="16.375" style="22" customWidth="1"/>
    <col min="2059" max="2302" width="12.625" style="22"/>
    <col min="2303" max="2303" width="4" style="22" customWidth="1"/>
    <col min="2304" max="2304" width="24.125" style="22" customWidth="1"/>
    <col min="2305" max="2311" width="13.5" style="22" customWidth="1"/>
    <col min="2312" max="2312" width="13.625" style="22" customWidth="1"/>
    <col min="2313" max="2313" width="14.5" style="22" customWidth="1"/>
    <col min="2314" max="2314" width="16.375" style="22" customWidth="1"/>
    <col min="2315" max="2558" width="12.625" style="22"/>
    <col min="2559" max="2559" width="4" style="22" customWidth="1"/>
    <col min="2560" max="2560" width="24.125" style="22" customWidth="1"/>
    <col min="2561" max="2567" width="13.5" style="22" customWidth="1"/>
    <col min="2568" max="2568" width="13.625" style="22" customWidth="1"/>
    <col min="2569" max="2569" width="14.5" style="22" customWidth="1"/>
    <col min="2570" max="2570" width="16.375" style="22" customWidth="1"/>
    <col min="2571" max="2814" width="12.625" style="22"/>
    <col min="2815" max="2815" width="4" style="22" customWidth="1"/>
    <col min="2816" max="2816" width="24.125" style="22" customWidth="1"/>
    <col min="2817" max="2823" width="13.5" style="22" customWidth="1"/>
    <col min="2824" max="2824" width="13.625" style="22" customWidth="1"/>
    <col min="2825" max="2825" width="14.5" style="22" customWidth="1"/>
    <col min="2826" max="2826" width="16.375" style="22" customWidth="1"/>
    <col min="2827" max="3070" width="12.625" style="22"/>
    <col min="3071" max="3071" width="4" style="22" customWidth="1"/>
    <col min="3072" max="3072" width="24.125" style="22" customWidth="1"/>
    <col min="3073" max="3079" width="13.5" style="22" customWidth="1"/>
    <col min="3080" max="3080" width="13.625" style="22" customWidth="1"/>
    <col min="3081" max="3081" width="14.5" style="22" customWidth="1"/>
    <col min="3082" max="3082" width="16.375" style="22" customWidth="1"/>
    <col min="3083" max="3326" width="12.625" style="22"/>
    <col min="3327" max="3327" width="4" style="22" customWidth="1"/>
    <col min="3328" max="3328" width="24.125" style="22" customWidth="1"/>
    <col min="3329" max="3335" width="13.5" style="22" customWidth="1"/>
    <col min="3336" max="3336" width="13.625" style="22" customWidth="1"/>
    <col min="3337" max="3337" width="14.5" style="22" customWidth="1"/>
    <col min="3338" max="3338" width="16.375" style="22" customWidth="1"/>
    <col min="3339" max="3582" width="12.625" style="22"/>
    <col min="3583" max="3583" width="4" style="22" customWidth="1"/>
    <col min="3584" max="3584" width="24.125" style="22" customWidth="1"/>
    <col min="3585" max="3591" width="13.5" style="22" customWidth="1"/>
    <col min="3592" max="3592" width="13.625" style="22" customWidth="1"/>
    <col min="3593" max="3593" width="14.5" style="22" customWidth="1"/>
    <col min="3594" max="3594" width="16.375" style="22" customWidth="1"/>
    <col min="3595" max="3838" width="12.625" style="22"/>
    <col min="3839" max="3839" width="4" style="22" customWidth="1"/>
    <col min="3840" max="3840" width="24.125" style="22" customWidth="1"/>
    <col min="3841" max="3847" width="13.5" style="22" customWidth="1"/>
    <col min="3848" max="3848" width="13.625" style="22" customWidth="1"/>
    <col min="3849" max="3849" width="14.5" style="22" customWidth="1"/>
    <col min="3850" max="3850" width="16.375" style="22" customWidth="1"/>
    <col min="3851" max="4094" width="12.625" style="22"/>
    <col min="4095" max="4095" width="4" style="22" customWidth="1"/>
    <col min="4096" max="4096" width="24.125" style="22" customWidth="1"/>
    <col min="4097" max="4103" width="13.5" style="22" customWidth="1"/>
    <col min="4104" max="4104" width="13.625" style="22" customWidth="1"/>
    <col min="4105" max="4105" width="14.5" style="22" customWidth="1"/>
    <col min="4106" max="4106" width="16.375" style="22" customWidth="1"/>
    <col min="4107" max="4350" width="12.625" style="22"/>
    <col min="4351" max="4351" width="4" style="22" customWidth="1"/>
    <col min="4352" max="4352" width="24.125" style="22" customWidth="1"/>
    <col min="4353" max="4359" width="13.5" style="22" customWidth="1"/>
    <col min="4360" max="4360" width="13.625" style="22" customWidth="1"/>
    <col min="4361" max="4361" width="14.5" style="22" customWidth="1"/>
    <col min="4362" max="4362" width="16.375" style="22" customWidth="1"/>
    <col min="4363" max="4606" width="12.625" style="22"/>
    <col min="4607" max="4607" width="4" style="22" customWidth="1"/>
    <col min="4608" max="4608" width="24.125" style="22" customWidth="1"/>
    <col min="4609" max="4615" width="13.5" style="22" customWidth="1"/>
    <col min="4616" max="4616" width="13.625" style="22" customWidth="1"/>
    <col min="4617" max="4617" width="14.5" style="22" customWidth="1"/>
    <col min="4618" max="4618" width="16.375" style="22" customWidth="1"/>
    <col min="4619" max="4862" width="12.625" style="22"/>
    <col min="4863" max="4863" width="4" style="22" customWidth="1"/>
    <col min="4864" max="4864" width="24.125" style="22" customWidth="1"/>
    <col min="4865" max="4871" width="13.5" style="22" customWidth="1"/>
    <col min="4872" max="4872" width="13.625" style="22" customWidth="1"/>
    <col min="4873" max="4873" width="14.5" style="22" customWidth="1"/>
    <col min="4874" max="4874" width="16.375" style="22" customWidth="1"/>
    <col min="4875" max="5118" width="12.625" style="22"/>
    <col min="5119" max="5119" width="4" style="22" customWidth="1"/>
    <col min="5120" max="5120" width="24.125" style="22" customWidth="1"/>
    <col min="5121" max="5127" width="13.5" style="22" customWidth="1"/>
    <col min="5128" max="5128" width="13.625" style="22" customWidth="1"/>
    <col min="5129" max="5129" width="14.5" style="22" customWidth="1"/>
    <col min="5130" max="5130" width="16.375" style="22" customWidth="1"/>
    <col min="5131" max="5374" width="12.625" style="22"/>
    <col min="5375" max="5375" width="4" style="22" customWidth="1"/>
    <col min="5376" max="5376" width="24.125" style="22" customWidth="1"/>
    <col min="5377" max="5383" width="13.5" style="22" customWidth="1"/>
    <col min="5384" max="5384" width="13.625" style="22" customWidth="1"/>
    <col min="5385" max="5385" width="14.5" style="22" customWidth="1"/>
    <col min="5386" max="5386" width="16.375" style="22" customWidth="1"/>
    <col min="5387" max="5630" width="12.625" style="22"/>
    <col min="5631" max="5631" width="4" style="22" customWidth="1"/>
    <col min="5632" max="5632" width="24.125" style="22" customWidth="1"/>
    <col min="5633" max="5639" width="13.5" style="22" customWidth="1"/>
    <col min="5640" max="5640" width="13.625" style="22" customWidth="1"/>
    <col min="5641" max="5641" width="14.5" style="22" customWidth="1"/>
    <col min="5642" max="5642" width="16.375" style="22" customWidth="1"/>
    <col min="5643" max="5886" width="12.625" style="22"/>
    <col min="5887" max="5887" width="4" style="22" customWidth="1"/>
    <col min="5888" max="5888" width="24.125" style="22" customWidth="1"/>
    <col min="5889" max="5895" width="13.5" style="22" customWidth="1"/>
    <col min="5896" max="5896" width="13.625" style="22" customWidth="1"/>
    <col min="5897" max="5897" width="14.5" style="22" customWidth="1"/>
    <col min="5898" max="5898" width="16.375" style="22" customWidth="1"/>
    <col min="5899" max="6142" width="12.625" style="22"/>
    <col min="6143" max="6143" width="4" style="22" customWidth="1"/>
    <col min="6144" max="6144" width="24.125" style="22" customWidth="1"/>
    <col min="6145" max="6151" width="13.5" style="22" customWidth="1"/>
    <col min="6152" max="6152" width="13.625" style="22" customWidth="1"/>
    <col min="6153" max="6153" width="14.5" style="22" customWidth="1"/>
    <col min="6154" max="6154" width="16.375" style="22" customWidth="1"/>
    <col min="6155" max="6398" width="12.625" style="22"/>
    <col min="6399" max="6399" width="4" style="22" customWidth="1"/>
    <col min="6400" max="6400" width="24.125" style="22" customWidth="1"/>
    <col min="6401" max="6407" width="13.5" style="22" customWidth="1"/>
    <col min="6408" max="6408" width="13.625" style="22" customWidth="1"/>
    <col min="6409" max="6409" width="14.5" style="22" customWidth="1"/>
    <col min="6410" max="6410" width="16.375" style="22" customWidth="1"/>
    <col min="6411" max="6654" width="12.625" style="22"/>
    <col min="6655" max="6655" width="4" style="22" customWidth="1"/>
    <col min="6656" max="6656" width="24.125" style="22" customWidth="1"/>
    <col min="6657" max="6663" width="13.5" style="22" customWidth="1"/>
    <col min="6664" max="6664" width="13.625" style="22" customWidth="1"/>
    <col min="6665" max="6665" width="14.5" style="22" customWidth="1"/>
    <col min="6666" max="6666" width="16.375" style="22" customWidth="1"/>
    <col min="6667" max="6910" width="12.625" style="22"/>
    <col min="6911" max="6911" width="4" style="22" customWidth="1"/>
    <col min="6912" max="6912" width="24.125" style="22" customWidth="1"/>
    <col min="6913" max="6919" width="13.5" style="22" customWidth="1"/>
    <col min="6920" max="6920" width="13.625" style="22" customWidth="1"/>
    <col min="6921" max="6921" width="14.5" style="22" customWidth="1"/>
    <col min="6922" max="6922" width="16.375" style="22" customWidth="1"/>
    <col min="6923" max="7166" width="12.625" style="22"/>
    <col min="7167" max="7167" width="4" style="22" customWidth="1"/>
    <col min="7168" max="7168" width="24.125" style="22" customWidth="1"/>
    <col min="7169" max="7175" width="13.5" style="22" customWidth="1"/>
    <col min="7176" max="7176" width="13.625" style="22" customWidth="1"/>
    <col min="7177" max="7177" width="14.5" style="22" customWidth="1"/>
    <col min="7178" max="7178" width="16.375" style="22" customWidth="1"/>
    <col min="7179" max="7422" width="12.625" style="22"/>
    <col min="7423" max="7423" width="4" style="22" customWidth="1"/>
    <col min="7424" max="7424" width="24.125" style="22" customWidth="1"/>
    <col min="7425" max="7431" width="13.5" style="22" customWidth="1"/>
    <col min="7432" max="7432" width="13.625" style="22" customWidth="1"/>
    <col min="7433" max="7433" width="14.5" style="22" customWidth="1"/>
    <col min="7434" max="7434" width="16.375" style="22" customWidth="1"/>
    <col min="7435" max="7678" width="12.625" style="22"/>
    <col min="7679" max="7679" width="4" style="22" customWidth="1"/>
    <col min="7680" max="7680" width="24.125" style="22" customWidth="1"/>
    <col min="7681" max="7687" width="13.5" style="22" customWidth="1"/>
    <col min="7688" max="7688" width="13.625" style="22" customWidth="1"/>
    <col min="7689" max="7689" width="14.5" style="22" customWidth="1"/>
    <col min="7690" max="7690" width="16.375" style="22" customWidth="1"/>
    <col min="7691" max="7934" width="12.625" style="22"/>
    <col min="7935" max="7935" width="4" style="22" customWidth="1"/>
    <col min="7936" max="7936" width="24.125" style="22" customWidth="1"/>
    <col min="7937" max="7943" width="13.5" style="22" customWidth="1"/>
    <col min="7944" max="7944" width="13.625" style="22" customWidth="1"/>
    <col min="7945" max="7945" width="14.5" style="22" customWidth="1"/>
    <col min="7946" max="7946" width="16.375" style="22" customWidth="1"/>
    <col min="7947" max="8190" width="12.625" style="22"/>
    <col min="8191" max="8191" width="4" style="22" customWidth="1"/>
    <col min="8192" max="8192" width="24.125" style="22" customWidth="1"/>
    <col min="8193" max="8199" width="13.5" style="22" customWidth="1"/>
    <col min="8200" max="8200" width="13.625" style="22" customWidth="1"/>
    <col min="8201" max="8201" width="14.5" style="22" customWidth="1"/>
    <col min="8202" max="8202" width="16.375" style="22" customWidth="1"/>
    <col min="8203" max="8446" width="12.625" style="22"/>
    <col min="8447" max="8447" width="4" style="22" customWidth="1"/>
    <col min="8448" max="8448" width="24.125" style="22" customWidth="1"/>
    <col min="8449" max="8455" width="13.5" style="22" customWidth="1"/>
    <col min="8456" max="8456" width="13.625" style="22" customWidth="1"/>
    <col min="8457" max="8457" width="14.5" style="22" customWidth="1"/>
    <col min="8458" max="8458" width="16.375" style="22" customWidth="1"/>
    <col min="8459" max="8702" width="12.625" style="22"/>
    <col min="8703" max="8703" width="4" style="22" customWidth="1"/>
    <col min="8704" max="8704" width="24.125" style="22" customWidth="1"/>
    <col min="8705" max="8711" width="13.5" style="22" customWidth="1"/>
    <col min="8712" max="8712" width="13.625" style="22" customWidth="1"/>
    <col min="8713" max="8713" width="14.5" style="22" customWidth="1"/>
    <col min="8714" max="8714" width="16.375" style="22" customWidth="1"/>
    <col min="8715" max="8958" width="12.625" style="22"/>
    <col min="8959" max="8959" width="4" style="22" customWidth="1"/>
    <col min="8960" max="8960" width="24.125" style="22" customWidth="1"/>
    <col min="8961" max="8967" width="13.5" style="22" customWidth="1"/>
    <col min="8968" max="8968" width="13.625" style="22" customWidth="1"/>
    <col min="8969" max="8969" width="14.5" style="22" customWidth="1"/>
    <col min="8970" max="8970" width="16.375" style="22" customWidth="1"/>
    <col min="8971" max="9214" width="12.625" style="22"/>
    <col min="9215" max="9215" width="4" style="22" customWidth="1"/>
    <col min="9216" max="9216" width="24.125" style="22" customWidth="1"/>
    <col min="9217" max="9223" width="13.5" style="22" customWidth="1"/>
    <col min="9224" max="9224" width="13.625" style="22" customWidth="1"/>
    <col min="9225" max="9225" width="14.5" style="22" customWidth="1"/>
    <col min="9226" max="9226" width="16.375" style="22" customWidth="1"/>
    <col min="9227" max="9470" width="12.625" style="22"/>
    <col min="9471" max="9471" width="4" style="22" customWidth="1"/>
    <col min="9472" max="9472" width="24.125" style="22" customWidth="1"/>
    <col min="9473" max="9479" width="13.5" style="22" customWidth="1"/>
    <col min="9480" max="9480" width="13.625" style="22" customWidth="1"/>
    <col min="9481" max="9481" width="14.5" style="22" customWidth="1"/>
    <col min="9482" max="9482" width="16.375" style="22" customWidth="1"/>
    <col min="9483" max="9726" width="12.625" style="22"/>
    <col min="9727" max="9727" width="4" style="22" customWidth="1"/>
    <col min="9728" max="9728" width="24.125" style="22" customWidth="1"/>
    <col min="9729" max="9735" width="13.5" style="22" customWidth="1"/>
    <col min="9736" max="9736" width="13.625" style="22" customWidth="1"/>
    <col min="9737" max="9737" width="14.5" style="22" customWidth="1"/>
    <col min="9738" max="9738" width="16.375" style="22" customWidth="1"/>
    <col min="9739" max="9982" width="12.625" style="22"/>
    <col min="9983" max="9983" width="4" style="22" customWidth="1"/>
    <col min="9984" max="9984" width="24.125" style="22" customWidth="1"/>
    <col min="9985" max="9991" width="13.5" style="22" customWidth="1"/>
    <col min="9992" max="9992" width="13.625" style="22" customWidth="1"/>
    <col min="9993" max="9993" width="14.5" style="22" customWidth="1"/>
    <col min="9994" max="9994" width="16.375" style="22" customWidth="1"/>
    <col min="9995" max="10238" width="12.625" style="22"/>
    <col min="10239" max="10239" width="4" style="22" customWidth="1"/>
    <col min="10240" max="10240" width="24.125" style="22" customWidth="1"/>
    <col min="10241" max="10247" width="13.5" style="22" customWidth="1"/>
    <col min="10248" max="10248" width="13.625" style="22" customWidth="1"/>
    <col min="10249" max="10249" width="14.5" style="22" customWidth="1"/>
    <col min="10250" max="10250" width="16.375" style="22" customWidth="1"/>
    <col min="10251" max="10494" width="12.625" style="22"/>
    <col min="10495" max="10495" width="4" style="22" customWidth="1"/>
    <col min="10496" max="10496" width="24.125" style="22" customWidth="1"/>
    <col min="10497" max="10503" width="13.5" style="22" customWidth="1"/>
    <col min="10504" max="10504" width="13.625" style="22" customWidth="1"/>
    <col min="10505" max="10505" width="14.5" style="22" customWidth="1"/>
    <col min="10506" max="10506" width="16.375" style="22" customWidth="1"/>
    <col min="10507" max="10750" width="12.625" style="22"/>
    <col min="10751" max="10751" width="4" style="22" customWidth="1"/>
    <col min="10752" max="10752" width="24.125" style="22" customWidth="1"/>
    <col min="10753" max="10759" width="13.5" style="22" customWidth="1"/>
    <col min="10760" max="10760" width="13.625" style="22" customWidth="1"/>
    <col min="10761" max="10761" width="14.5" style="22" customWidth="1"/>
    <col min="10762" max="10762" width="16.375" style="22" customWidth="1"/>
    <col min="10763" max="11006" width="12.625" style="22"/>
    <col min="11007" max="11007" width="4" style="22" customWidth="1"/>
    <col min="11008" max="11008" width="24.125" style="22" customWidth="1"/>
    <col min="11009" max="11015" width="13.5" style="22" customWidth="1"/>
    <col min="11016" max="11016" width="13.625" style="22" customWidth="1"/>
    <col min="11017" max="11017" width="14.5" style="22" customWidth="1"/>
    <col min="11018" max="11018" width="16.375" style="22" customWidth="1"/>
    <col min="11019" max="11262" width="12.625" style="22"/>
    <col min="11263" max="11263" width="4" style="22" customWidth="1"/>
    <col min="11264" max="11264" width="24.125" style="22" customWidth="1"/>
    <col min="11265" max="11271" width="13.5" style="22" customWidth="1"/>
    <col min="11272" max="11272" width="13.625" style="22" customWidth="1"/>
    <col min="11273" max="11273" width="14.5" style="22" customWidth="1"/>
    <col min="11274" max="11274" width="16.375" style="22" customWidth="1"/>
    <col min="11275" max="11518" width="12.625" style="22"/>
    <col min="11519" max="11519" width="4" style="22" customWidth="1"/>
    <col min="11520" max="11520" width="24.125" style="22" customWidth="1"/>
    <col min="11521" max="11527" width="13.5" style="22" customWidth="1"/>
    <col min="11528" max="11528" width="13.625" style="22" customWidth="1"/>
    <col min="11529" max="11529" width="14.5" style="22" customWidth="1"/>
    <col min="11530" max="11530" width="16.375" style="22" customWidth="1"/>
    <col min="11531" max="11774" width="12.625" style="22"/>
    <col min="11775" max="11775" width="4" style="22" customWidth="1"/>
    <col min="11776" max="11776" width="24.125" style="22" customWidth="1"/>
    <col min="11777" max="11783" width="13.5" style="22" customWidth="1"/>
    <col min="11784" max="11784" width="13.625" style="22" customWidth="1"/>
    <col min="11785" max="11785" width="14.5" style="22" customWidth="1"/>
    <col min="11786" max="11786" width="16.375" style="22" customWidth="1"/>
    <col min="11787" max="12030" width="12.625" style="22"/>
    <col min="12031" max="12031" width="4" style="22" customWidth="1"/>
    <col min="12032" max="12032" width="24.125" style="22" customWidth="1"/>
    <col min="12033" max="12039" width="13.5" style="22" customWidth="1"/>
    <col min="12040" max="12040" width="13.625" style="22" customWidth="1"/>
    <col min="12041" max="12041" width="14.5" style="22" customWidth="1"/>
    <col min="12042" max="12042" width="16.375" style="22" customWidth="1"/>
    <col min="12043" max="12286" width="12.625" style="22"/>
    <col min="12287" max="12287" width="4" style="22" customWidth="1"/>
    <col min="12288" max="12288" width="24.125" style="22" customWidth="1"/>
    <col min="12289" max="12295" width="13.5" style="22" customWidth="1"/>
    <col min="12296" max="12296" width="13.625" style="22" customWidth="1"/>
    <col min="12297" max="12297" width="14.5" style="22" customWidth="1"/>
    <col min="12298" max="12298" width="16.375" style="22" customWidth="1"/>
    <col min="12299" max="12542" width="12.625" style="22"/>
    <col min="12543" max="12543" width="4" style="22" customWidth="1"/>
    <col min="12544" max="12544" width="24.125" style="22" customWidth="1"/>
    <col min="12545" max="12551" width="13.5" style="22" customWidth="1"/>
    <col min="12552" max="12552" width="13.625" style="22" customWidth="1"/>
    <col min="12553" max="12553" width="14.5" style="22" customWidth="1"/>
    <col min="12554" max="12554" width="16.375" style="22" customWidth="1"/>
    <col min="12555" max="12798" width="12.625" style="22"/>
    <col min="12799" max="12799" width="4" style="22" customWidth="1"/>
    <col min="12800" max="12800" width="24.125" style="22" customWidth="1"/>
    <col min="12801" max="12807" width="13.5" style="22" customWidth="1"/>
    <col min="12808" max="12808" width="13.625" style="22" customWidth="1"/>
    <col min="12809" max="12809" width="14.5" style="22" customWidth="1"/>
    <col min="12810" max="12810" width="16.375" style="22" customWidth="1"/>
    <col min="12811" max="13054" width="12.625" style="22"/>
    <col min="13055" max="13055" width="4" style="22" customWidth="1"/>
    <col min="13056" max="13056" width="24.125" style="22" customWidth="1"/>
    <col min="13057" max="13063" width="13.5" style="22" customWidth="1"/>
    <col min="13064" max="13064" width="13.625" style="22" customWidth="1"/>
    <col min="13065" max="13065" width="14.5" style="22" customWidth="1"/>
    <col min="13066" max="13066" width="16.375" style="22" customWidth="1"/>
    <col min="13067" max="13310" width="12.625" style="22"/>
    <col min="13311" max="13311" width="4" style="22" customWidth="1"/>
    <col min="13312" max="13312" width="24.125" style="22" customWidth="1"/>
    <col min="13313" max="13319" width="13.5" style="22" customWidth="1"/>
    <col min="13320" max="13320" width="13.625" style="22" customWidth="1"/>
    <col min="13321" max="13321" width="14.5" style="22" customWidth="1"/>
    <col min="13322" max="13322" width="16.375" style="22" customWidth="1"/>
    <col min="13323" max="13566" width="12.625" style="22"/>
    <col min="13567" max="13567" width="4" style="22" customWidth="1"/>
    <col min="13568" max="13568" width="24.125" style="22" customWidth="1"/>
    <col min="13569" max="13575" width="13.5" style="22" customWidth="1"/>
    <col min="13576" max="13576" width="13.625" style="22" customWidth="1"/>
    <col min="13577" max="13577" width="14.5" style="22" customWidth="1"/>
    <col min="13578" max="13578" width="16.375" style="22" customWidth="1"/>
    <col min="13579" max="13822" width="12.625" style="22"/>
    <col min="13823" max="13823" width="4" style="22" customWidth="1"/>
    <col min="13824" max="13824" width="24.125" style="22" customWidth="1"/>
    <col min="13825" max="13831" width="13.5" style="22" customWidth="1"/>
    <col min="13832" max="13832" width="13.625" style="22" customWidth="1"/>
    <col min="13833" max="13833" width="14.5" style="22" customWidth="1"/>
    <col min="13834" max="13834" width="16.375" style="22" customWidth="1"/>
    <col min="13835" max="14078" width="12.625" style="22"/>
    <col min="14079" max="14079" width="4" style="22" customWidth="1"/>
    <col min="14080" max="14080" width="24.125" style="22" customWidth="1"/>
    <col min="14081" max="14087" width="13.5" style="22" customWidth="1"/>
    <col min="14088" max="14088" width="13.625" style="22" customWidth="1"/>
    <col min="14089" max="14089" width="14.5" style="22" customWidth="1"/>
    <col min="14090" max="14090" width="16.375" style="22" customWidth="1"/>
    <col min="14091" max="14334" width="12.625" style="22"/>
    <col min="14335" max="14335" width="4" style="22" customWidth="1"/>
    <col min="14336" max="14336" width="24.125" style="22" customWidth="1"/>
    <col min="14337" max="14343" width="13.5" style="22" customWidth="1"/>
    <col min="14344" max="14344" width="13.625" style="22" customWidth="1"/>
    <col min="14345" max="14345" width="14.5" style="22" customWidth="1"/>
    <col min="14346" max="14346" width="16.375" style="22" customWidth="1"/>
    <col min="14347" max="14590" width="12.625" style="22"/>
    <col min="14591" max="14591" width="4" style="22" customWidth="1"/>
    <col min="14592" max="14592" width="24.125" style="22" customWidth="1"/>
    <col min="14593" max="14599" width="13.5" style="22" customWidth="1"/>
    <col min="14600" max="14600" width="13.625" style="22" customWidth="1"/>
    <col min="14601" max="14601" width="14.5" style="22" customWidth="1"/>
    <col min="14602" max="14602" width="16.375" style="22" customWidth="1"/>
    <col min="14603" max="14846" width="12.625" style="22"/>
    <col min="14847" max="14847" width="4" style="22" customWidth="1"/>
    <col min="14848" max="14848" width="24.125" style="22" customWidth="1"/>
    <col min="14849" max="14855" width="13.5" style="22" customWidth="1"/>
    <col min="14856" max="14856" width="13.625" style="22" customWidth="1"/>
    <col min="14857" max="14857" width="14.5" style="22" customWidth="1"/>
    <col min="14858" max="14858" width="16.375" style="22" customWidth="1"/>
    <col min="14859" max="15102" width="12.625" style="22"/>
    <col min="15103" max="15103" width="4" style="22" customWidth="1"/>
    <col min="15104" max="15104" width="24.125" style="22" customWidth="1"/>
    <col min="15105" max="15111" width="13.5" style="22" customWidth="1"/>
    <col min="15112" max="15112" width="13.625" style="22" customWidth="1"/>
    <col min="15113" max="15113" width="14.5" style="22" customWidth="1"/>
    <col min="15114" max="15114" width="16.375" style="22" customWidth="1"/>
    <col min="15115" max="15358" width="12.625" style="22"/>
    <col min="15359" max="15359" width="4" style="22" customWidth="1"/>
    <col min="15360" max="15360" width="24.125" style="22" customWidth="1"/>
    <col min="15361" max="15367" width="13.5" style="22" customWidth="1"/>
    <col min="15368" max="15368" width="13.625" style="22" customWidth="1"/>
    <col min="15369" max="15369" width="14.5" style="22" customWidth="1"/>
    <col min="15370" max="15370" width="16.375" style="22" customWidth="1"/>
    <col min="15371" max="15614" width="12.625" style="22"/>
    <col min="15615" max="15615" width="4" style="22" customWidth="1"/>
    <col min="15616" max="15616" width="24.125" style="22" customWidth="1"/>
    <col min="15617" max="15623" width="13.5" style="22" customWidth="1"/>
    <col min="15624" max="15624" width="13.625" style="22" customWidth="1"/>
    <col min="15625" max="15625" width="14.5" style="22" customWidth="1"/>
    <col min="15626" max="15626" width="16.375" style="22" customWidth="1"/>
    <col min="15627" max="15870" width="12.625" style="22"/>
    <col min="15871" max="15871" width="4" style="22" customWidth="1"/>
    <col min="15872" max="15872" width="24.125" style="22" customWidth="1"/>
    <col min="15873" max="15879" width="13.5" style="22" customWidth="1"/>
    <col min="15880" max="15880" width="13.625" style="22" customWidth="1"/>
    <col min="15881" max="15881" width="14.5" style="22" customWidth="1"/>
    <col min="15882" max="15882" width="16.375" style="22" customWidth="1"/>
    <col min="15883" max="16126" width="12.625" style="22"/>
    <col min="16127" max="16127" width="4" style="22" customWidth="1"/>
    <col min="16128" max="16128" width="24.125" style="22" customWidth="1"/>
    <col min="16129" max="16135" width="13.5" style="22" customWidth="1"/>
    <col min="16136" max="16136" width="13.625" style="22" customWidth="1"/>
    <col min="16137" max="16137" width="14.5" style="22" customWidth="1"/>
    <col min="16138" max="16138" width="16.375" style="22" customWidth="1"/>
    <col min="16139" max="16384" width="12.625" style="22"/>
  </cols>
  <sheetData>
    <row r="1" spans="1:10" ht="20.25" customHeight="1">
      <c r="A1" s="31"/>
    </row>
    <row r="2" spans="1:10" s="23" customFormat="1" ht="30" customHeight="1">
      <c r="A2" s="81" t="s">
        <v>93</v>
      </c>
      <c r="B2" s="81"/>
      <c r="C2" s="81"/>
      <c r="D2" s="81"/>
      <c r="E2" s="81"/>
      <c r="F2" s="81"/>
      <c r="G2" s="81"/>
      <c r="H2" s="81"/>
      <c r="I2" s="81"/>
      <c r="J2" s="81"/>
    </row>
    <row r="3" spans="1:10" ht="24" customHeight="1">
      <c r="G3" s="24" t="s">
        <v>82</v>
      </c>
      <c r="H3" s="25"/>
      <c r="I3" s="24"/>
      <c r="J3" s="25"/>
    </row>
    <row r="4" spans="1:10" ht="7.5" customHeight="1" thickBot="1"/>
    <row r="5" spans="1:10" ht="24" customHeight="1">
      <c r="A5" s="79" t="s">
        <v>78</v>
      </c>
      <c r="B5" s="79" t="s">
        <v>32</v>
      </c>
      <c r="C5" s="79" t="s">
        <v>72</v>
      </c>
      <c r="D5" s="76" t="s">
        <v>33</v>
      </c>
      <c r="E5" s="84" t="s">
        <v>23</v>
      </c>
      <c r="F5" s="79" t="s">
        <v>24</v>
      </c>
      <c r="G5" s="76" t="s">
        <v>34</v>
      </c>
      <c r="H5" s="76" t="s">
        <v>39</v>
      </c>
      <c r="I5" s="85" t="s">
        <v>25</v>
      </c>
      <c r="J5" s="87" t="s">
        <v>87</v>
      </c>
    </row>
    <row r="6" spans="1:10" ht="24" customHeight="1">
      <c r="A6" s="80"/>
      <c r="B6" s="80"/>
      <c r="C6" s="82"/>
      <c r="D6" s="83"/>
      <c r="E6" s="82"/>
      <c r="F6" s="80"/>
      <c r="G6" s="77"/>
      <c r="H6" s="77"/>
      <c r="I6" s="86"/>
      <c r="J6" s="88"/>
    </row>
    <row r="7" spans="1:10" ht="24" customHeight="1">
      <c r="A7" s="80"/>
      <c r="B7" s="80"/>
      <c r="C7" s="82"/>
      <c r="D7" s="83"/>
      <c r="E7" s="82"/>
      <c r="F7" s="80"/>
      <c r="G7" s="77"/>
      <c r="H7" s="77"/>
      <c r="I7" s="86"/>
      <c r="J7" s="88"/>
    </row>
    <row r="8" spans="1:10" ht="24" customHeight="1">
      <c r="A8" s="80"/>
      <c r="B8" s="80"/>
      <c r="C8" s="82"/>
      <c r="D8" s="83"/>
      <c r="E8" s="82"/>
      <c r="F8" s="80"/>
      <c r="G8" s="78"/>
      <c r="H8" s="77"/>
      <c r="I8" s="86"/>
      <c r="J8" s="88"/>
    </row>
    <row r="9" spans="1:10" ht="24" customHeight="1">
      <c r="A9" s="28" t="s">
        <v>79</v>
      </c>
      <c r="B9" s="28" t="s">
        <v>26</v>
      </c>
      <c r="C9" s="28" t="s">
        <v>27</v>
      </c>
      <c r="D9" s="65" t="s">
        <v>28</v>
      </c>
      <c r="E9" s="28" t="s">
        <v>29</v>
      </c>
      <c r="F9" s="28" t="s">
        <v>30</v>
      </c>
      <c r="G9" s="65" t="s">
        <v>35</v>
      </c>
      <c r="H9" s="67" t="s">
        <v>36</v>
      </c>
      <c r="I9" s="29" t="s">
        <v>37</v>
      </c>
      <c r="J9" s="57" t="s">
        <v>38</v>
      </c>
    </row>
    <row r="10" spans="1:10" ht="121.5" customHeight="1" thickBot="1">
      <c r="A10" s="68" t="s">
        <v>81</v>
      </c>
      <c r="B10" s="69">
        <v>1600000</v>
      </c>
      <c r="C10" s="69">
        <v>1000000</v>
      </c>
      <c r="D10" s="66">
        <f>MIN(B10,C10)</f>
        <v>1000000</v>
      </c>
      <c r="E10" s="70">
        <v>1000000</v>
      </c>
      <c r="F10" s="70">
        <v>48000</v>
      </c>
      <c r="G10" s="66">
        <f>SUM(E10-F10)</f>
        <v>952000</v>
      </c>
      <c r="H10" s="66">
        <f>MIN(D10,G10)</f>
        <v>952000</v>
      </c>
      <c r="I10" s="26" t="s">
        <v>31</v>
      </c>
      <c r="J10" s="58">
        <f>ROUNDDOWN(H10*0.75,-3)</f>
        <v>714000</v>
      </c>
    </row>
    <row r="11" spans="1:10" ht="15.75" customHeight="1">
      <c r="A11" s="22" t="s">
        <v>86</v>
      </c>
    </row>
    <row r="12" spans="1:10" ht="15.75" customHeight="1">
      <c r="A12" s="64" t="s">
        <v>85</v>
      </c>
      <c r="B12" s="64"/>
      <c r="C12" s="64"/>
      <c r="D12" s="64"/>
      <c r="E12" s="64"/>
      <c r="F12" s="64"/>
      <c r="G12" s="64"/>
      <c r="H12" s="64"/>
      <c r="I12" s="64"/>
      <c r="J12" s="64"/>
    </row>
    <row r="13" spans="1:10" ht="24" customHeight="1">
      <c r="A13" s="71" t="s">
        <v>91</v>
      </c>
      <c r="I13" s="89" t="s">
        <v>88</v>
      </c>
      <c r="J13" s="90"/>
    </row>
    <row r="14" spans="1:10" ht="24" customHeight="1">
      <c r="I14" s="91"/>
      <c r="J14" s="92"/>
    </row>
  </sheetData>
  <mergeCells count="12">
    <mergeCell ref="I13:J14"/>
    <mergeCell ref="J5:J8"/>
    <mergeCell ref="A2:J2"/>
    <mergeCell ref="A5:A8"/>
    <mergeCell ref="B5:B8"/>
    <mergeCell ref="C5:C8"/>
    <mergeCell ref="D5:D8"/>
    <mergeCell ref="E5:E8"/>
    <mergeCell ref="F5:F8"/>
    <mergeCell ref="G5:G8"/>
    <mergeCell ref="H5:H8"/>
    <mergeCell ref="I5:I8"/>
  </mergeCells>
  <phoneticPr fontId="2"/>
  <printOptions horizontalCentered="1"/>
  <pageMargins left="0.78740157480314965" right="0.78740157480314965" top="1.5748031496062993" bottom="0.78740157480314965" header="0.78740157480314965" footer="0.39370078740157483"/>
  <pageSetup paperSize="9" scale="81" orientation="landscape" r:id="rId1"/>
  <headerFooter alignWithMargins="0">
    <oddHeader>&amp;L様式５関係</oddHeader>
  </headerFooter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L22"/>
  <sheetViews>
    <sheetView topLeftCell="A10" zoomScaleNormal="100" zoomScaleSheetLayoutView="100" workbookViewId="0">
      <selection activeCell="A2" sqref="A2"/>
    </sheetView>
  </sheetViews>
  <sheetFormatPr defaultRowHeight="14.25"/>
  <cols>
    <col min="1" max="1" width="5.125" style="32" bestFit="1" customWidth="1"/>
    <col min="4" max="4" width="40.625" customWidth="1"/>
    <col min="5" max="5" width="30.625" customWidth="1"/>
  </cols>
  <sheetData>
    <row r="1" spans="1:12" s="56" customFormat="1" ht="13.5">
      <c r="A1" s="93" t="s">
        <v>94</v>
      </c>
      <c r="B1" s="93"/>
      <c r="C1" s="93"/>
      <c r="D1" s="93"/>
      <c r="E1" s="93"/>
      <c r="F1" s="93"/>
      <c r="G1" s="93"/>
      <c r="H1" s="93"/>
      <c r="I1" s="93"/>
    </row>
    <row r="2" spans="1:12" ht="6" customHeight="1">
      <c r="A2" s="33"/>
      <c r="B2" s="33"/>
      <c r="C2" s="33"/>
      <c r="D2" s="33"/>
      <c r="E2" s="33"/>
      <c r="F2" s="33"/>
      <c r="G2" s="33"/>
      <c r="H2" s="33"/>
      <c r="I2" s="33"/>
    </row>
    <row r="3" spans="1:12" ht="18.75">
      <c r="A3" s="94" t="s">
        <v>83</v>
      </c>
      <c r="B3" s="94"/>
      <c r="C3" s="94"/>
      <c r="D3" s="94"/>
      <c r="E3" s="94"/>
      <c r="F3" s="94"/>
      <c r="G3" s="94"/>
      <c r="H3" s="94"/>
      <c r="I3" s="94"/>
    </row>
    <row r="4" spans="1:12">
      <c r="L4" s="34"/>
    </row>
    <row r="5" spans="1:12">
      <c r="A5" s="37" t="s">
        <v>68</v>
      </c>
    </row>
    <row r="6" spans="1:12" ht="30" customHeight="1">
      <c r="A6" s="50"/>
      <c r="B6" s="50" t="s">
        <v>40</v>
      </c>
      <c r="C6" s="50" t="s">
        <v>41</v>
      </c>
      <c r="D6" s="50" t="s">
        <v>42</v>
      </c>
      <c r="E6" s="50" t="s">
        <v>43</v>
      </c>
      <c r="F6" s="50" t="s">
        <v>44</v>
      </c>
      <c r="G6" s="50" t="s">
        <v>45</v>
      </c>
      <c r="H6" s="50" t="s">
        <v>46</v>
      </c>
      <c r="I6" s="50" t="s">
        <v>47</v>
      </c>
    </row>
    <row r="7" spans="1:12" ht="30" customHeight="1">
      <c r="A7" s="50" t="s">
        <v>48</v>
      </c>
      <c r="B7" s="55"/>
      <c r="C7" s="55"/>
      <c r="D7" s="55"/>
      <c r="E7" s="55"/>
      <c r="F7" s="55"/>
      <c r="G7" s="55"/>
      <c r="H7" s="55"/>
      <c r="I7" s="55"/>
    </row>
    <row r="8" spans="1:12" ht="30" customHeight="1">
      <c r="A8" s="50" t="s">
        <v>49</v>
      </c>
      <c r="B8" s="55"/>
      <c r="C8" s="55"/>
      <c r="D8" s="55"/>
      <c r="E8" s="55"/>
      <c r="F8" s="55"/>
      <c r="G8" s="55"/>
      <c r="H8" s="55"/>
      <c r="I8" s="55"/>
    </row>
    <row r="9" spans="1:12" ht="30" customHeight="1">
      <c r="A9" s="50" t="s">
        <v>50</v>
      </c>
      <c r="B9" s="55"/>
      <c r="C9" s="55"/>
      <c r="D9" s="55"/>
      <c r="E9" s="55"/>
      <c r="F9" s="55"/>
      <c r="G9" s="55"/>
      <c r="H9" s="55"/>
      <c r="I9" s="55"/>
    </row>
    <row r="10" spans="1:12" ht="30" customHeight="1">
      <c r="A10" s="50" t="s">
        <v>51</v>
      </c>
      <c r="B10" s="55"/>
      <c r="C10" s="55"/>
      <c r="D10" s="55"/>
      <c r="E10" s="55"/>
      <c r="F10" s="55"/>
      <c r="G10" s="55"/>
      <c r="H10" s="55"/>
      <c r="I10" s="55"/>
    </row>
    <row r="11" spans="1:12" ht="30" customHeight="1">
      <c r="A11" s="50" t="s">
        <v>52</v>
      </c>
      <c r="B11" s="55"/>
      <c r="C11" s="55"/>
      <c r="D11" s="55"/>
      <c r="E11" s="55"/>
      <c r="F11" s="55"/>
      <c r="G11" s="55"/>
      <c r="H11" s="55"/>
      <c r="I11" s="55"/>
    </row>
    <row r="12" spans="1:12" ht="30" customHeight="1">
      <c r="A12" s="50" t="s">
        <v>53</v>
      </c>
      <c r="B12" s="55"/>
      <c r="C12" s="55"/>
      <c r="D12" s="55"/>
      <c r="E12" s="55"/>
      <c r="F12" s="55"/>
      <c r="G12" s="55"/>
      <c r="H12" s="55"/>
      <c r="I12" s="55"/>
    </row>
    <row r="13" spans="1:12">
      <c r="A13" s="35"/>
    </row>
    <row r="14" spans="1:12">
      <c r="A14" s="37" t="s">
        <v>69</v>
      </c>
    </row>
    <row r="15" spans="1:12" ht="6" customHeight="1">
      <c r="A15" s="37"/>
    </row>
    <row r="16" spans="1:12" ht="30" customHeight="1">
      <c r="B16" s="51" t="s">
        <v>70</v>
      </c>
      <c r="C16" s="52" t="s">
        <v>71</v>
      </c>
    </row>
    <row r="17" spans="1:3" ht="30" customHeight="1">
      <c r="A17" s="36"/>
      <c r="B17" s="53"/>
      <c r="C17" s="54"/>
    </row>
    <row r="18" spans="1:3" ht="30" customHeight="1">
      <c r="B18" s="54"/>
      <c r="C18" s="54"/>
    </row>
    <row r="19" spans="1:3" ht="30" customHeight="1">
      <c r="B19" s="54"/>
      <c r="C19" s="54"/>
    </row>
    <row r="20" spans="1:3" ht="30" customHeight="1">
      <c r="B20" s="54"/>
      <c r="C20" s="54"/>
    </row>
    <row r="21" spans="1:3" ht="30" customHeight="1">
      <c r="B21" s="54"/>
      <c r="C21" s="54"/>
    </row>
    <row r="22" spans="1:3" ht="30" customHeight="1">
      <c r="B22" s="54"/>
      <c r="C22" s="54"/>
    </row>
  </sheetData>
  <mergeCells count="2">
    <mergeCell ref="A1:I1"/>
    <mergeCell ref="A3:I3"/>
  </mergeCells>
  <phoneticPr fontId="2"/>
  <printOptions horizontalCentered="1" verticalCentered="1"/>
  <pageMargins left="0.39370078740157483" right="0.39370078740157483" top="0.78740157480314965" bottom="0.78740157480314965" header="0.39370078740157483" footer="0.39370078740157483"/>
  <pageSetup paperSize="9" scale="98" orientation="landscape" r:id="rId1"/>
  <headerFooter>
    <oddHeader>&amp;L様式5関係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F44"/>
  <sheetViews>
    <sheetView topLeftCell="A11" zoomScaleNormal="100" zoomScaleSheetLayoutView="100" workbookViewId="0">
      <selection activeCell="E41" sqref="E41"/>
    </sheetView>
  </sheetViews>
  <sheetFormatPr defaultRowHeight="13.5"/>
  <cols>
    <col min="1" max="2" width="2.125" style="1" customWidth="1"/>
    <col min="3" max="3" width="22.625" style="1" customWidth="1"/>
    <col min="4" max="4" width="2.125" style="1" customWidth="1"/>
    <col min="5" max="5" width="29.375" style="1" customWidth="1"/>
    <col min="6" max="6" width="52.5" style="1" customWidth="1"/>
    <col min="7" max="7" width="1.875" style="1" customWidth="1"/>
    <col min="8" max="255" width="9" style="1"/>
    <col min="256" max="256" width="2.625" style="1" customWidth="1"/>
    <col min="257" max="258" width="2.125" style="1" customWidth="1"/>
    <col min="259" max="259" width="22.625" style="1" customWidth="1"/>
    <col min="260" max="260" width="2.125" style="1" customWidth="1"/>
    <col min="261" max="261" width="29.375" style="1" customWidth="1"/>
    <col min="262" max="262" width="52.5" style="1" customWidth="1"/>
    <col min="263" max="263" width="1.875" style="1" customWidth="1"/>
    <col min="264" max="511" width="9" style="1"/>
    <col min="512" max="512" width="2.625" style="1" customWidth="1"/>
    <col min="513" max="514" width="2.125" style="1" customWidth="1"/>
    <col min="515" max="515" width="22.625" style="1" customWidth="1"/>
    <col min="516" max="516" width="2.125" style="1" customWidth="1"/>
    <col min="517" max="517" width="29.375" style="1" customWidth="1"/>
    <col min="518" max="518" width="52.5" style="1" customWidth="1"/>
    <col min="519" max="519" width="1.875" style="1" customWidth="1"/>
    <col min="520" max="767" width="9" style="1"/>
    <col min="768" max="768" width="2.625" style="1" customWidth="1"/>
    <col min="769" max="770" width="2.125" style="1" customWidth="1"/>
    <col min="771" max="771" width="22.625" style="1" customWidth="1"/>
    <col min="772" max="772" width="2.125" style="1" customWidth="1"/>
    <col min="773" max="773" width="29.375" style="1" customWidth="1"/>
    <col min="774" max="774" width="52.5" style="1" customWidth="1"/>
    <col min="775" max="775" width="1.875" style="1" customWidth="1"/>
    <col min="776" max="1023" width="9" style="1"/>
    <col min="1024" max="1024" width="2.625" style="1" customWidth="1"/>
    <col min="1025" max="1026" width="2.125" style="1" customWidth="1"/>
    <col min="1027" max="1027" width="22.625" style="1" customWidth="1"/>
    <col min="1028" max="1028" width="2.125" style="1" customWidth="1"/>
    <col min="1029" max="1029" width="29.375" style="1" customWidth="1"/>
    <col min="1030" max="1030" width="52.5" style="1" customWidth="1"/>
    <col min="1031" max="1031" width="1.875" style="1" customWidth="1"/>
    <col min="1032" max="1279" width="9" style="1"/>
    <col min="1280" max="1280" width="2.625" style="1" customWidth="1"/>
    <col min="1281" max="1282" width="2.125" style="1" customWidth="1"/>
    <col min="1283" max="1283" width="22.625" style="1" customWidth="1"/>
    <col min="1284" max="1284" width="2.125" style="1" customWidth="1"/>
    <col min="1285" max="1285" width="29.375" style="1" customWidth="1"/>
    <col min="1286" max="1286" width="52.5" style="1" customWidth="1"/>
    <col min="1287" max="1287" width="1.875" style="1" customWidth="1"/>
    <col min="1288" max="1535" width="9" style="1"/>
    <col min="1536" max="1536" width="2.625" style="1" customWidth="1"/>
    <col min="1537" max="1538" width="2.125" style="1" customWidth="1"/>
    <col min="1539" max="1539" width="22.625" style="1" customWidth="1"/>
    <col min="1540" max="1540" width="2.125" style="1" customWidth="1"/>
    <col min="1541" max="1541" width="29.375" style="1" customWidth="1"/>
    <col min="1542" max="1542" width="52.5" style="1" customWidth="1"/>
    <col min="1543" max="1543" width="1.875" style="1" customWidth="1"/>
    <col min="1544" max="1791" width="9" style="1"/>
    <col min="1792" max="1792" width="2.625" style="1" customWidth="1"/>
    <col min="1793" max="1794" width="2.125" style="1" customWidth="1"/>
    <col min="1795" max="1795" width="22.625" style="1" customWidth="1"/>
    <col min="1796" max="1796" width="2.125" style="1" customWidth="1"/>
    <col min="1797" max="1797" width="29.375" style="1" customWidth="1"/>
    <col min="1798" max="1798" width="52.5" style="1" customWidth="1"/>
    <col min="1799" max="1799" width="1.875" style="1" customWidth="1"/>
    <col min="1800" max="2047" width="9" style="1"/>
    <col min="2048" max="2048" width="2.625" style="1" customWidth="1"/>
    <col min="2049" max="2050" width="2.125" style="1" customWidth="1"/>
    <col min="2051" max="2051" width="22.625" style="1" customWidth="1"/>
    <col min="2052" max="2052" width="2.125" style="1" customWidth="1"/>
    <col min="2053" max="2053" width="29.375" style="1" customWidth="1"/>
    <col min="2054" max="2054" width="52.5" style="1" customWidth="1"/>
    <col min="2055" max="2055" width="1.875" style="1" customWidth="1"/>
    <col min="2056" max="2303" width="9" style="1"/>
    <col min="2304" max="2304" width="2.625" style="1" customWidth="1"/>
    <col min="2305" max="2306" width="2.125" style="1" customWidth="1"/>
    <col min="2307" max="2307" width="22.625" style="1" customWidth="1"/>
    <col min="2308" max="2308" width="2.125" style="1" customWidth="1"/>
    <col min="2309" max="2309" width="29.375" style="1" customWidth="1"/>
    <col min="2310" max="2310" width="52.5" style="1" customWidth="1"/>
    <col min="2311" max="2311" width="1.875" style="1" customWidth="1"/>
    <col min="2312" max="2559" width="9" style="1"/>
    <col min="2560" max="2560" width="2.625" style="1" customWidth="1"/>
    <col min="2561" max="2562" width="2.125" style="1" customWidth="1"/>
    <col min="2563" max="2563" width="22.625" style="1" customWidth="1"/>
    <col min="2564" max="2564" width="2.125" style="1" customWidth="1"/>
    <col min="2565" max="2565" width="29.375" style="1" customWidth="1"/>
    <col min="2566" max="2566" width="52.5" style="1" customWidth="1"/>
    <col min="2567" max="2567" width="1.875" style="1" customWidth="1"/>
    <col min="2568" max="2815" width="9" style="1"/>
    <col min="2816" max="2816" width="2.625" style="1" customWidth="1"/>
    <col min="2817" max="2818" width="2.125" style="1" customWidth="1"/>
    <col min="2819" max="2819" width="22.625" style="1" customWidth="1"/>
    <col min="2820" max="2820" width="2.125" style="1" customWidth="1"/>
    <col min="2821" max="2821" width="29.375" style="1" customWidth="1"/>
    <col min="2822" max="2822" width="52.5" style="1" customWidth="1"/>
    <col min="2823" max="2823" width="1.875" style="1" customWidth="1"/>
    <col min="2824" max="3071" width="9" style="1"/>
    <col min="3072" max="3072" width="2.625" style="1" customWidth="1"/>
    <col min="3073" max="3074" width="2.125" style="1" customWidth="1"/>
    <col min="3075" max="3075" width="22.625" style="1" customWidth="1"/>
    <col min="3076" max="3076" width="2.125" style="1" customWidth="1"/>
    <col min="3077" max="3077" width="29.375" style="1" customWidth="1"/>
    <col min="3078" max="3078" width="52.5" style="1" customWidth="1"/>
    <col min="3079" max="3079" width="1.875" style="1" customWidth="1"/>
    <col min="3080" max="3327" width="9" style="1"/>
    <col min="3328" max="3328" width="2.625" style="1" customWidth="1"/>
    <col min="3329" max="3330" width="2.125" style="1" customWidth="1"/>
    <col min="3331" max="3331" width="22.625" style="1" customWidth="1"/>
    <col min="3332" max="3332" width="2.125" style="1" customWidth="1"/>
    <col min="3333" max="3333" width="29.375" style="1" customWidth="1"/>
    <col min="3334" max="3334" width="52.5" style="1" customWidth="1"/>
    <col min="3335" max="3335" width="1.875" style="1" customWidth="1"/>
    <col min="3336" max="3583" width="9" style="1"/>
    <col min="3584" max="3584" width="2.625" style="1" customWidth="1"/>
    <col min="3585" max="3586" width="2.125" style="1" customWidth="1"/>
    <col min="3587" max="3587" width="22.625" style="1" customWidth="1"/>
    <col min="3588" max="3588" width="2.125" style="1" customWidth="1"/>
    <col min="3589" max="3589" width="29.375" style="1" customWidth="1"/>
    <col min="3590" max="3590" width="52.5" style="1" customWidth="1"/>
    <col min="3591" max="3591" width="1.875" style="1" customWidth="1"/>
    <col min="3592" max="3839" width="9" style="1"/>
    <col min="3840" max="3840" width="2.625" style="1" customWidth="1"/>
    <col min="3841" max="3842" width="2.125" style="1" customWidth="1"/>
    <col min="3843" max="3843" width="22.625" style="1" customWidth="1"/>
    <col min="3844" max="3844" width="2.125" style="1" customWidth="1"/>
    <col min="3845" max="3845" width="29.375" style="1" customWidth="1"/>
    <col min="3846" max="3846" width="52.5" style="1" customWidth="1"/>
    <col min="3847" max="3847" width="1.875" style="1" customWidth="1"/>
    <col min="3848" max="4095" width="9" style="1"/>
    <col min="4096" max="4096" width="2.625" style="1" customWidth="1"/>
    <col min="4097" max="4098" width="2.125" style="1" customWidth="1"/>
    <col min="4099" max="4099" width="22.625" style="1" customWidth="1"/>
    <col min="4100" max="4100" width="2.125" style="1" customWidth="1"/>
    <col min="4101" max="4101" width="29.375" style="1" customWidth="1"/>
    <col min="4102" max="4102" width="52.5" style="1" customWidth="1"/>
    <col min="4103" max="4103" width="1.875" style="1" customWidth="1"/>
    <col min="4104" max="4351" width="9" style="1"/>
    <col min="4352" max="4352" width="2.625" style="1" customWidth="1"/>
    <col min="4353" max="4354" width="2.125" style="1" customWidth="1"/>
    <col min="4355" max="4355" width="22.625" style="1" customWidth="1"/>
    <col min="4356" max="4356" width="2.125" style="1" customWidth="1"/>
    <col min="4357" max="4357" width="29.375" style="1" customWidth="1"/>
    <col min="4358" max="4358" width="52.5" style="1" customWidth="1"/>
    <col min="4359" max="4359" width="1.875" style="1" customWidth="1"/>
    <col min="4360" max="4607" width="9" style="1"/>
    <col min="4608" max="4608" width="2.625" style="1" customWidth="1"/>
    <col min="4609" max="4610" width="2.125" style="1" customWidth="1"/>
    <col min="4611" max="4611" width="22.625" style="1" customWidth="1"/>
    <col min="4612" max="4612" width="2.125" style="1" customWidth="1"/>
    <col min="4613" max="4613" width="29.375" style="1" customWidth="1"/>
    <col min="4614" max="4614" width="52.5" style="1" customWidth="1"/>
    <col min="4615" max="4615" width="1.875" style="1" customWidth="1"/>
    <col min="4616" max="4863" width="9" style="1"/>
    <col min="4864" max="4864" width="2.625" style="1" customWidth="1"/>
    <col min="4865" max="4866" width="2.125" style="1" customWidth="1"/>
    <col min="4867" max="4867" width="22.625" style="1" customWidth="1"/>
    <col min="4868" max="4868" width="2.125" style="1" customWidth="1"/>
    <col min="4869" max="4869" width="29.375" style="1" customWidth="1"/>
    <col min="4870" max="4870" width="52.5" style="1" customWidth="1"/>
    <col min="4871" max="4871" width="1.875" style="1" customWidth="1"/>
    <col min="4872" max="5119" width="9" style="1"/>
    <col min="5120" max="5120" width="2.625" style="1" customWidth="1"/>
    <col min="5121" max="5122" width="2.125" style="1" customWidth="1"/>
    <col min="5123" max="5123" width="22.625" style="1" customWidth="1"/>
    <col min="5124" max="5124" width="2.125" style="1" customWidth="1"/>
    <col min="5125" max="5125" width="29.375" style="1" customWidth="1"/>
    <col min="5126" max="5126" width="52.5" style="1" customWidth="1"/>
    <col min="5127" max="5127" width="1.875" style="1" customWidth="1"/>
    <col min="5128" max="5375" width="9" style="1"/>
    <col min="5376" max="5376" width="2.625" style="1" customWidth="1"/>
    <col min="5377" max="5378" width="2.125" style="1" customWidth="1"/>
    <col min="5379" max="5379" width="22.625" style="1" customWidth="1"/>
    <col min="5380" max="5380" width="2.125" style="1" customWidth="1"/>
    <col min="5381" max="5381" width="29.375" style="1" customWidth="1"/>
    <col min="5382" max="5382" width="52.5" style="1" customWidth="1"/>
    <col min="5383" max="5383" width="1.875" style="1" customWidth="1"/>
    <col min="5384" max="5631" width="9" style="1"/>
    <col min="5632" max="5632" width="2.625" style="1" customWidth="1"/>
    <col min="5633" max="5634" width="2.125" style="1" customWidth="1"/>
    <col min="5635" max="5635" width="22.625" style="1" customWidth="1"/>
    <col min="5636" max="5636" width="2.125" style="1" customWidth="1"/>
    <col min="5637" max="5637" width="29.375" style="1" customWidth="1"/>
    <col min="5638" max="5638" width="52.5" style="1" customWidth="1"/>
    <col min="5639" max="5639" width="1.875" style="1" customWidth="1"/>
    <col min="5640" max="5887" width="9" style="1"/>
    <col min="5888" max="5888" width="2.625" style="1" customWidth="1"/>
    <col min="5889" max="5890" width="2.125" style="1" customWidth="1"/>
    <col min="5891" max="5891" width="22.625" style="1" customWidth="1"/>
    <col min="5892" max="5892" width="2.125" style="1" customWidth="1"/>
    <col min="5893" max="5893" width="29.375" style="1" customWidth="1"/>
    <col min="5894" max="5894" width="52.5" style="1" customWidth="1"/>
    <col min="5895" max="5895" width="1.875" style="1" customWidth="1"/>
    <col min="5896" max="6143" width="9" style="1"/>
    <col min="6144" max="6144" width="2.625" style="1" customWidth="1"/>
    <col min="6145" max="6146" width="2.125" style="1" customWidth="1"/>
    <col min="6147" max="6147" width="22.625" style="1" customWidth="1"/>
    <col min="6148" max="6148" width="2.125" style="1" customWidth="1"/>
    <col min="6149" max="6149" width="29.375" style="1" customWidth="1"/>
    <col min="6150" max="6150" width="52.5" style="1" customWidth="1"/>
    <col min="6151" max="6151" width="1.875" style="1" customWidth="1"/>
    <col min="6152" max="6399" width="9" style="1"/>
    <col min="6400" max="6400" width="2.625" style="1" customWidth="1"/>
    <col min="6401" max="6402" width="2.125" style="1" customWidth="1"/>
    <col min="6403" max="6403" width="22.625" style="1" customWidth="1"/>
    <col min="6404" max="6404" width="2.125" style="1" customWidth="1"/>
    <col min="6405" max="6405" width="29.375" style="1" customWidth="1"/>
    <col min="6406" max="6406" width="52.5" style="1" customWidth="1"/>
    <col min="6407" max="6407" width="1.875" style="1" customWidth="1"/>
    <col min="6408" max="6655" width="9" style="1"/>
    <col min="6656" max="6656" width="2.625" style="1" customWidth="1"/>
    <col min="6657" max="6658" width="2.125" style="1" customWidth="1"/>
    <col min="6659" max="6659" width="22.625" style="1" customWidth="1"/>
    <col min="6660" max="6660" width="2.125" style="1" customWidth="1"/>
    <col min="6661" max="6661" width="29.375" style="1" customWidth="1"/>
    <col min="6662" max="6662" width="52.5" style="1" customWidth="1"/>
    <col min="6663" max="6663" width="1.875" style="1" customWidth="1"/>
    <col min="6664" max="6911" width="9" style="1"/>
    <col min="6912" max="6912" width="2.625" style="1" customWidth="1"/>
    <col min="6913" max="6914" width="2.125" style="1" customWidth="1"/>
    <col min="6915" max="6915" width="22.625" style="1" customWidth="1"/>
    <col min="6916" max="6916" width="2.125" style="1" customWidth="1"/>
    <col min="6917" max="6917" width="29.375" style="1" customWidth="1"/>
    <col min="6918" max="6918" width="52.5" style="1" customWidth="1"/>
    <col min="6919" max="6919" width="1.875" style="1" customWidth="1"/>
    <col min="6920" max="7167" width="9" style="1"/>
    <col min="7168" max="7168" width="2.625" style="1" customWidth="1"/>
    <col min="7169" max="7170" width="2.125" style="1" customWidth="1"/>
    <col min="7171" max="7171" width="22.625" style="1" customWidth="1"/>
    <col min="7172" max="7172" width="2.125" style="1" customWidth="1"/>
    <col min="7173" max="7173" width="29.375" style="1" customWidth="1"/>
    <col min="7174" max="7174" width="52.5" style="1" customWidth="1"/>
    <col min="7175" max="7175" width="1.875" style="1" customWidth="1"/>
    <col min="7176" max="7423" width="9" style="1"/>
    <col min="7424" max="7424" width="2.625" style="1" customWidth="1"/>
    <col min="7425" max="7426" width="2.125" style="1" customWidth="1"/>
    <col min="7427" max="7427" width="22.625" style="1" customWidth="1"/>
    <col min="7428" max="7428" width="2.125" style="1" customWidth="1"/>
    <col min="7429" max="7429" width="29.375" style="1" customWidth="1"/>
    <col min="7430" max="7430" width="52.5" style="1" customWidth="1"/>
    <col min="7431" max="7431" width="1.875" style="1" customWidth="1"/>
    <col min="7432" max="7679" width="9" style="1"/>
    <col min="7680" max="7680" width="2.625" style="1" customWidth="1"/>
    <col min="7681" max="7682" width="2.125" style="1" customWidth="1"/>
    <col min="7683" max="7683" width="22.625" style="1" customWidth="1"/>
    <col min="7684" max="7684" width="2.125" style="1" customWidth="1"/>
    <col min="7685" max="7685" width="29.375" style="1" customWidth="1"/>
    <col min="7686" max="7686" width="52.5" style="1" customWidth="1"/>
    <col min="7687" max="7687" width="1.875" style="1" customWidth="1"/>
    <col min="7688" max="7935" width="9" style="1"/>
    <col min="7936" max="7936" width="2.625" style="1" customWidth="1"/>
    <col min="7937" max="7938" width="2.125" style="1" customWidth="1"/>
    <col min="7939" max="7939" width="22.625" style="1" customWidth="1"/>
    <col min="7940" max="7940" width="2.125" style="1" customWidth="1"/>
    <col min="7941" max="7941" width="29.375" style="1" customWidth="1"/>
    <col min="7942" max="7942" width="52.5" style="1" customWidth="1"/>
    <col min="7943" max="7943" width="1.875" style="1" customWidth="1"/>
    <col min="7944" max="8191" width="9" style="1"/>
    <col min="8192" max="8192" width="2.625" style="1" customWidth="1"/>
    <col min="8193" max="8194" width="2.125" style="1" customWidth="1"/>
    <col min="8195" max="8195" width="22.625" style="1" customWidth="1"/>
    <col min="8196" max="8196" width="2.125" style="1" customWidth="1"/>
    <col min="8197" max="8197" width="29.375" style="1" customWidth="1"/>
    <col min="8198" max="8198" width="52.5" style="1" customWidth="1"/>
    <col min="8199" max="8199" width="1.875" style="1" customWidth="1"/>
    <col min="8200" max="8447" width="9" style="1"/>
    <col min="8448" max="8448" width="2.625" style="1" customWidth="1"/>
    <col min="8449" max="8450" width="2.125" style="1" customWidth="1"/>
    <col min="8451" max="8451" width="22.625" style="1" customWidth="1"/>
    <col min="8452" max="8452" width="2.125" style="1" customWidth="1"/>
    <col min="8453" max="8453" width="29.375" style="1" customWidth="1"/>
    <col min="8454" max="8454" width="52.5" style="1" customWidth="1"/>
    <col min="8455" max="8455" width="1.875" style="1" customWidth="1"/>
    <col min="8456" max="8703" width="9" style="1"/>
    <col min="8704" max="8704" width="2.625" style="1" customWidth="1"/>
    <col min="8705" max="8706" width="2.125" style="1" customWidth="1"/>
    <col min="8707" max="8707" width="22.625" style="1" customWidth="1"/>
    <col min="8708" max="8708" width="2.125" style="1" customWidth="1"/>
    <col min="8709" max="8709" width="29.375" style="1" customWidth="1"/>
    <col min="8710" max="8710" width="52.5" style="1" customWidth="1"/>
    <col min="8711" max="8711" width="1.875" style="1" customWidth="1"/>
    <col min="8712" max="8959" width="9" style="1"/>
    <col min="8960" max="8960" width="2.625" style="1" customWidth="1"/>
    <col min="8961" max="8962" width="2.125" style="1" customWidth="1"/>
    <col min="8963" max="8963" width="22.625" style="1" customWidth="1"/>
    <col min="8964" max="8964" width="2.125" style="1" customWidth="1"/>
    <col min="8965" max="8965" width="29.375" style="1" customWidth="1"/>
    <col min="8966" max="8966" width="52.5" style="1" customWidth="1"/>
    <col min="8967" max="8967" width="1.875" style="1" customWidth="1"/>
    <col min="8968" max="9215" width="9" style="1"/>
    <col min="9216" max="9216" width="2.625" style="1" customWidth="1"/>
    <col min="9217" max="9218" width="2.125" style="1" customWidth="1"/>
    <col min="9219" max="9219" width="22.625" style="1" customWidth="1"/>
    <col min="9220" max="9220" width="2.125" style="1" customWidth="1"/>
    <col min="9221" max="9221" width="29.375" style="1" customWidth="1"/>
    <col min="9222" max="9222" width="52.5" style="1" customWidth="1"/>
    <col min="9223" max="9223" width="1.875" style="1" customWidth="1"/>
    <col min="9224" max="9471" width="9" style="1"/>
    <col min="9472" max="9472" width="2.625" style="1" customWidth="1"/>
    <col min="9473" max="9474" width="2.125" style="1" customWidth="1"/>
    <col min="9475" max="9475" width="22.625" style="1" customWidth="1"/>
    <col min="9476" max="9476" width="2.125" style="1" customWidth="1"/>
    <col min="9477" max="9477" width="29.375" style="1" customWidth="1"/>
    <col min="9478" max="9478" width="52.5" style="1" customWidth="1"/>
    <col min="9479" max="9479" width="1.875" style="1" customWidth="1"/>
    <col min="9480" max="9727" width="9" style="1"/>
    <col min="9728" max="9728" width="2.625" style="1" customWidth="1"/>
    <col min="9729" max="9730" width="2.125" style="1" customWidth="1"/>
    <col min="9731" max="9731" width="22.625" style="1" customWidth="1"/>
    <col min="9732" max="9732" width="2.125" style="1" customWidth="1"/>
    <col min="9733" max="9733" width="29.375" style="1" customWidth="1"/>
    <col min="9734" max="9734" width="52.5" style="1" customWidth="1"/>
    <col min="9735" max="9735" width="1.875" style="1" customWidth="1"/>
    <col min="9736" max="9983" width="9" style="1"/>
    <col min="9984" max="9984" width="2.625" style="1" customWidth="1"/>
    <col min="9985" max="9986" width="2.125" style="1" customWidth="1"/>
    <col min="9987" max="9987" width="22.625" style="1" customWidth="1"/>
    <col min="9988" max="9988" width="2.125" style="1" customWidth="1"/>
    <col min="9989" max="9989" width="29.375" style="1" customWidth="1"/>
    <col min="9990" max="9990" width="52.5" style="1" customWidth="1"/>
    <col min="9991" max="9991" width="1.875" style="1" customWidth="1"/>
    <col min="9992" max="10239" width="9" style="1"/>
    <col min="10240" max="10240" width="2.625" style="1" customWidth="1"/>
    <col min="10241" max="10242" width="2.125" style="1" customWidth="1"/>
    <col min="10243" max="10243" width="22.625" style="1" customWidth="1"/>
    <col min="10244" max="10244" width="2.125" style="1" customWidth="1"/>
    <col min="10245" max="10245" width="29.375" style="1" customWidth="1"/>
    <col min="10246" max="10246" width="52.5" style="1" customWidth="1"/>
    <col min="10247" max="10247" width="1.875" style="1" customWidth="1"/>
    <col min="10248" max="10495" width="9" style="1"/>
    <col min="10496" max="10496" width="2.625" style="1" customWidth="1"/>
    <col min="10497" max="10498" width="2.125" style="1" customWidth="1"/>
    <col min="10499" max="10499" width="22.625" style="1" customWidth="1"/>
    <col min="10500" max="10500" width="2.125" style="1" customWidth="1"/>
    <col min="10501" max="10501" width="29.375" style="1" customWidth="1"/>
    <col min="10502" max="10502" width="52.5" style="1" customWidth="1"/>
    <col min="10503" max="10503" width="1.875" style="1" customWidth="1"/>
    <col min="10504" max="10751" width="9" style="1"/>
    <col min="10752" max="10752" width="2.625" style="1" customWidth="1"/>
    <col min="10753" max="10754" width="2.125" style="1" customWidth="1"/>
    <col min="10755" max="10755" width="22.625" style="1" customWidth="1"/>
    <col min="10756" max="10756" width="2.125" style="1" customWidth="1"/>
    <col min="10757" max="10757" width="29.375" style="1" customWidth="1"/>
    <col min="10758" max="10758" width="52.5" style="1" customWidth="1"/>
    <col min="10759" max="10759" width="1.875" style="1" customWidth="1"/>
    <col min="10760" max="11007" width="9" style="1"/>
    <col min="11008" max="11008" width="2.625" style="1" customWidth="1"/>
    <col min="11009" max="11010" width="2.125" style="1" customWidth="1"/>
    <col min="11011" max="11011" width="22.625" style="1" customWidth="1"/>
    <col min="11012" max="11012" width="2.125" style="1" customWidth="1"/>
    <col min="11013" max="11013" width="29.375" style="1" customWidth="1"/>
    <col min="11014" max="11014" width="52.5" style="1" customWidth="1"/>
    <col min="11015" max="11015" width="1.875" style="1" customWidth="1"/>
    <col min="11016" max="11263" width="9" style="1"/>
    <col min="11264" max="11264" width="2.625" style="1" customWidth="1"/>
    <col min="11265" max="11266" width="2.125" style="1" customWidth="1"/>
    <col min="11267" max="11267" width="22.625" style="1" customWidth="1"/>
    <col min="11268" max="11268" width="2.125" style="1" customWidth="1"/>
    <col min="11269" max="11269" width="29.375" style="1" customWidth="1"/>
    <col min="11270" max="11270" width="52.5" style="1" customWidth="1"/>
    <col min="11271" max="11271" width="1.875" style="1" customWidth="1"/>
    <col min="11272" max="11519" width="9" style="1"/>
    <col min="11520" max="11520" width="2.625" style="1" customWidth="1"/>
    <col min="11521" max="11522" width="2.125" style="1" customWidth="1"/>
    <col min="11523" max="11523" width="22.625" style="1" customWidth="1"/>
    <col min="11524" max="11524" width="2.125" style="1" customWidth="1"/>
    <col min="11525" max="11525" width="29.375" style="1" customWidth="1"/>
    <col min="11526" max="11526" width="52.5" style="1" customWidth="1"/>
    <col min="11527" max="11527" width="1.875" style="1" customWidth="1"/>
    <col min="11528" max="11775" width="9" style="1"/>
    <col min="11776" max="11776" width="2.625" style="1" customWidth="1"/>
    <col min="11777" max="11778" width="2.125" style="1" customWidth="1"/>
    <col min="11779" max="11779" width="22.625" style="1" customWidth="1"/>
    <col min="11780" max="11780" width="2.125" style="1" customWidth="1"/>
    <col min="11781" max="11781" width="29.375" style="1" customWidth="1"/>
    <col min="11782" max="11782" width="52.5" style="1" customWidth="1"/>
    <col min="11783" max="11783" width="1.875" style="1" customWidth="1"/>
    <col min="11784" max="12031" width="9" style="1"/>
    <col min="12032" max="12032" width="2.625" style="1" customWidth="1"/>
    <col min="12033" max="12034" width="2.125" style="1" customWidth="1"/>
    <col min="12035" max="12035" width="22.625" style="1" customWidth="1"/>
    <col min="12036" max="12036" width="2.125" style="1" customWidth="1"/>
    <col min="12037" max="12037" width="29.375" style="1" customWidth="1"/>
    <col min="12038" max="12038" width="52.5" style="1" customWidth="1"/>
    <col min="12039" max="12039" width="1.875" style="1" customWidth="1"/>
    <col min="12040" max="12287" width="9" style="1"/>
    <col min="12288" max="12288" width="2.625" style="1" customWidth="1"/>
    <col min="12289" max="12290" width="2.125" style="1" customWidth="1"/>
    <col min="12291" max="12291" width="22.625" style="1" customWidth="1"/>
    <col min="12292" max="12292" width="2.125" style="1" customWidth="1"/>
    <col min="12293" max="12293" width="29.375" style="1" customWidth="1"/>
    <col min="12294" max="12294" width="52.5" style="1" customWidth="1"/>
    <col min="12295" max="12295" width="1.875" style="1" customWidth="1"/>
    <col min="12296" max="12543" width="9" style="1"/>
    <col min="12544" max="12544" width="2.625" style="1" customWidth="1"/>
    <col min="12545" max="12546" width="2.125" style="1" customWidth="1"/>
    <col min="12547" max="12547" width="22.625" style="1" customWidth="1"/>
    <col min="12548" max="12548" width="2.125" style="1" customWidth="1"/>
    <col min="12549" max="12549" width="29.375" style="1" customWidth="1"/>
    <col min="12550" max="12550" width="52.5" style="1" customWidth="1"/>
    <col min="12551" max="12551" width="1.875" style="1" customWidth="1"/>
    <col min="12552" max="12799" width="9" style="1"/>
    <col min="12800" max="12800" width="2.625" style="1" customWidth="1"/>
    <col min="12801" max="12802" width="2.125" style="1" customWidth="1"/>
    <col min="12803" max="12803" width="22.625" style="1" customWidth="1"/>
    <col min="12804" max="12804" width="2.125" style="1" customWidth="1"/>
    <col min="12805" max="12805" width="29.375" style="1" customWidth="1"/>
    <col min="12806" max="12806" width="52.5" style="1" customWidth="1"/>
    <col min="12807" max="12807" width="1.875" style="1" customWidth="1"/>
    <col min="12808" max="13055" width="9" style="1"/>
    <col min="13056" max="13056" width="2.625" style="1" customWidth="1"/>
    <col min="13057" max="13058" width="2.125" style="1" customWidth="1"/>
    <col min="13059" max="13059" width="22.625" style="1" customWidth="1"/>
    <col min="13060" max="13060" width="2.125" style="1" customWidth="1"/>
    <col min="13061" max="13061" width="29.375" style="1" customWidth="1"/>
    <col min="13062" max="13062" width="52.5" style="1" customWidth="1"/>
    <col min="13063" max="13063" width="1.875" style="1" customWidth="1"/>
    <col min="13064" max="13311" width="9" style="1"/>
    <col min="13312" max="13312" width="2.625" style="1" customWidth="1"/>
    <col min="13313" max="13314" width="2.125" style="1" customWidth="1"/>
    <col min="13315" max="13315" width="22.625" style="1" customWidth="1"/>
    <col min="13316" max="13316" width="2.125" style="1" customWidth="1"/>
    <col min="13317" max="13317" width="29.375" style="1" customWidth="1"/>
    <col min="13318" max="13318" width="52.5" style="1" customWidth="1"/>
    <col min="13319" max="13319" width="1.875" style="1" customWidth="1"/>
    <col min="13320" max="13567" width="9" style="1"/>
    <col min="13568" max="13568" width="2.625" style="1" customWidth="1"/>
    <col min="13569" max="13570" width="2.125" style="1" customWidth="1"/>
    <col min="13571" max="13571" width="22.625" style="1" customWidth="1"/>
    <col min="13572" max="13572" width="2.125" style="1" customWidth="1"/>
    <col min="13573" max="13573" width="29.375" style="1" customWidth="1"/>
    <col min="13574" max="13574" width="52.5" style="1" customWidth="1"/>
    <col min="13575" max="13575" width="1.875" style="1" customWidth="1"/>
    <col min="13576" max="13823" width="9" style="1"/>
    <col min="13824" max="13824" width="2.625" style="1" customWidth="1"/>
    <col min="13825" max="13826" width="2.125" style="1" customWidth="1"/>
    <col min="13827" max="13827" width="22.625" style="1" customWidth="1"/>
    <col min="13828" max="13828" width="2.125" style="1" customWidth="1"/>
    <col min="13829" max="13829" width="29.375" style="1" customWidth="1"/>
    <col min="13830" max="13830" width="52.5" style="1" customWidth="1"/>
    <col min="13831" max="13831" width="1.875" style="1" customWidth="1"/>
    <col min="13832" max="14079" width="9" style="1"/>
    <col min="14080" max="14080" width="2.625" style="1" customWidth="1"/>
    <col min="14081" max="14082" width="2.125" style="1" customWidth="1"/>
    <col min="14083" max="14083" width="22.625" style="1" customWidth="1"/>
    <col min="14084" max="14084" width="2.125" style="1" customWidth="1"/>
    <col min="14085" max="14085" width="29.375" style="1" customWidth="1"/>
    <col min="14086" max="14086" width="52.5" style="1" customWidth="1"/>
    <col min="14087" max="14087" width="1.875" style="1" customWidth="1"/>
    <col min="14088" max="14335" width="9" style="1"/>
    <col min="14336" max="14336" width="2.625" style="1" customWidth="1"/>
    <col min="14337" max="14338" width="2.125" style="1" customWidth="1"/>
    <col min="14339" max="14339" width="22.625" style="1" customWidth="1"/>
    <col min="14340" max="14340" width="2.125" style="1" customWidth="1"/>
    <col min="14341" max="14341" width="29.375" style="1" customWidth="1"/>
    <col min="14342" max="14342" width="52.5" style="1" customWidth="1"/>
    <col min="14343" max="14343" width="1.875" style="1" customWidth="1"/>
    <col min="14344" max="14591" width="9" style="1"/>
    <col min="14592" max="14592" width="2.625" style="1" customWidth="1"/>
    <col min="14593" max="14594" width="2.125" style="1" customWidth="1"/>
    <col min="14595" max="14595" width="22.625" style="1" customWidth="1"/>
    <col min="14596" max="14596" width="2.125" style="1" customWidth="1"/>
    <col min="14597" max="14597" width="29.375" style="1" customWidth="1"/>
    <col min="14598" max="14598" width="52.5" style="1" customWidth="1"/>
    <col min="14599" max="14599" width="1.875" style="1" customWidth="1"/>
    <col min="14600" max="14847" width="9" style="1"/>
    <col min="14848" max="14848" width="2.625" style="1" customWidth="1"/>
    <col min="14849" max="14850" width="2.125" style="1" customWidth="1"/>
    <col min="14851" max="14851" width="22.625" style="1" customWidth="1"/>
    <col min="14852" max="14852" width="2.125" style="1" customWidth="1"/>
    <col min="14853" max="14853" width="29.375" style="1" customWidth="1"/>
    <col min="14854" max="14854" width="52.5" style="1" customWidth="1"/>
    <col min="14855" max="14855" width="1.875" style="1" customWidth="1"/>
    <col min="14856" max="15103" width="9" style="1"/>
    <col min="15104" max="15104" width="2.625" style="1" customWidth="1"/>
    <col min="15105" max="15106" width="2.125" style="1" customWidth="1"/>
    <col min="15107" max="15107" width="22.625" style="1" customWidth="1"/>
    <col min="15108" max="15108" width="2.125" style="1" customWidth="1"/>
    <col min="15109" max="15109" width="29.375" style="1" customWidth="1"/>
    <col min="15110" max="15110" width="52.5" style="1" customWidth="1"/>
    <col min="15111" max="15111" width="1.875" style="1" customWidth="1"/>
    <col min="15112" max="15359" width="9" style="1"/>
    <col min="15360" max="15360" width="2.625" style="1" customWidth="1"/>
    <col min="15361" max="15362" width="2.125" style="1" customWidth="1"/>
    <col min="15363" max="15363" width="22.625" style="1" customWidth="1"/>
    <col min="15364" max="15364" width="2.125" style="1" customWidth="1"/>
    <col min="15365" max="15365" width="29.375" style="1" customWidth="1"/>
    <col min="15366" max="15366" width="52.5" style="1" customWidth="1"/>
    <col min="15367" max="15367" width="1.875" style="1" customWidth="1"/>
    <col min="15368" max="15615" width="9" style="1"/>
    <col min="15616" max="15616" width="2.625" style="1" customWidth="1"/>
    <col min="15617" max="15618" width="2.125" style="1" customWidth="1"/>
    <col min="15619" max="15619" width="22.625" style="1" customWidth="1"/>
    <col min="15620" max="15620" width="2.125" style="1" customWidth="1"/>
    <col min="15621" max="15621" width="29.375" style="1" customWidth="1"/>
    <col min="15622" max="15622" width="52.5" style="1" customWidth="1"/>
    <col min="15623" max="15623" width="1.875" style="1" customWidth="1"/>
    <col min="15624" max="15871" width="9" style="1"/>
    <col min="15872" max="15872" width="2.625" style="1" customWidth="1"/>
    <col min="15873" max="15874" width="2.125" style="1" customWidth="1"/>
    <col min="15875" max="15875" width="22.625" style="1" customWidth="1"/>
    <col min="15876" max="15876" width="2.125" style="1" customWidth="1"/>
    <col min="15877" max="15877" width="29.375" style="1" customWidth="1"/>
    <col min="15878" max="15878" width="52.5" style="1" customWidth="1"/>
    <col min="15879" max="15879" width="1.875" style="1" customWidth="1"/>
    <col min="15880" max="16127" width="9" style="1"/>
    <col min="16128" max="16128" width="2.625" style="1" customWidth="1"/>
    <col min="16129" max="16130" width="2.125" style="1" customWidth="1"/>
    <col min="16131" max="16131" width="22.625" style="1" customWidth="1"/>
    <col min="16132" max="16132" width="2.125" style="1" customWidth="1"/>
    <col min="16133" max="16133" width="29.375" style="1" customWidth="1"/>
    <col min="16134" max="16134" width="52.5" style="1" customWidth="1"/>
    <col min="16135" max="16135" width="1.875" style="1" customWidth="1"/>
    <col min="16136" max="16384" width="9" style="1"/>
  </cols>
  <sheetData>
    <row r="1" spans="1:6">
      <c r="A1" s="96"/>
      <c r="B1" s="96"/>
      <c r="C1" s="96"/>
      <c r="D1" s="96"/>
      <c r="E1" s="96"/>
      <c r="F1" s="96"/>
    </row>
    <row r="2" spans="1:6" s="2" customFormat="1" ht="19.5" customHeight="1">
      <c r="A2" s="97" t="s">
        <v>95</v>
      </c>
      <c r="B2" s="97"/>
      <c r="C2" s="97"/>
      <c r="D2" s="97"/>
      <c r="E2" s="97"/>
      <c r="F2" s="97"/>
    </row>
    <row r="3" spans="1:6" s="2" customFormat="1" ht="8.25" customHeight="1">
      <c r="A3" s="19"/>
      <c r="B3" s="19"/>
      <c r="C3" s="19"/>
      <c r="E3" s="3"/>
      <c r="F3" s="4"/>
    </row>
    <row r="4" spans="1:6" s="2" customFormat="1" ht="17.25">
      <c r="A4" s="97" t="s">
        <v>84</v>
      </c>
      <c r="B4" s="97"/>
      <c r="C4" s="97"/>
      <c r="D4" s="97"/>
      <c r="E4" s="97"/>
      <c r="F4" s="97"/>
    </row>
    <row r="5" spans="1:6" s="2" customFormat="1" ht="17.25">
      <c r="A5" s="72"/>
      <c r="B5" s="72"/>
      <c r="C5" s="72"/>
      <c r="D5" s="72"/>
      <c r="E5" s="72"/>
      <c r="F5" s="72"/>
    </row>
    <row r="6" spans="1:6" s="2" customFormat="1" ht="24">
      <c r="A6" s="19"/>
      <c r="B6" s="19"/>
      <c r="C6" s="19"/>
      <c r="E6" s="3" t="s">
        <v>21</v>
      </c>
      <c r="F6" s="21" t="s">
        <v>0</v>
      </c>
    </row>
    <row r="7" spans="1:6" s="2" customFormat="1" ht="8.25" customHeight="1">
      <c r="A7" s="19"/>
      <c r="B7" s="19"/>
      <c r="C7" s="19"/>
      <c r="E7" s="3"/>
      <c r="F7" s="4"/>
    </row>
    <row r="8" spans="1:6" s="4" customFormat="1" ht="14.25"/>
    <row r="9" spans="1:6" s="2" customFormat="1" ht="23.25" customHeight="1">
      <c r="A9" s="5"/>
      <c r="B9" s="100" t="s">
        <v>1</v>
      </c>
      <c r="C9" s="100"/>
      <c r="D9" s="6"/>
      <c r="E9" s="7" t="s">
        <v>2</v>
      </c>
      <c r="F9" s="7" t="s">
        <v>3</v>
      </c>
    </row>
    <row r="10" spans="1:6" s="2" customFormat="1" ht="17.100000000000001" customHeight="1">
      <c r="A10" s="9" t="s">
        <v>4</v>
      </c>
      <c r="B10" s="8"/>
      <c r="C10" s="59"/>
      <c r="D10" s="10"/>
      <c r="E10" s="11"/>
      <c r="F10" s="12"/>
    </row>
    <row r="11" spans="1:6" s="2" customFormat="1" ht="17.100000000000001" customHeight="1">
      <c r="A11" s="9"/>
      <c r="B11" s="8"/>
      <c r="C11" s="59"/>
      <c r="D11" s="10"/>
      <c r="E11" s="11"/>
      <c r="F11" s="12"/>
    </row>
    <row r="12" spans="1:6" s="2" customFormat="1" ht="17.100000000000001" customHeight="1">
      <c r="A12" s="60" t="s">
        <v>75</v>
      </c>
      <c r="B12" s="98" t="s">
        <v>5</v>
      </c>
      <c r="C12" s="98"/>
      <c r="D12" s="10"/>
      <c r="E12" s="61">
        <v>0</v>
      </c>
      <c r="F12" s="14"/>
    </row>
    <row r="13" spans="1:6" s="2" customFormat="1" ht="17.100000000000001" customHeight="1">
      <c r="A13" s="9"/>
      <c r="B13" s="8"/>
      <c r="C13" s="59"/>
      <c r="D13" s="10"/>
      <c r="E13" s="11"/>
      <c r="F13" s="12"/>
    </row>
    <row r="14" spans="1:6" s="2" customFormat="1" ht="17.100000000000001" customHeight="1">
      <c r="A14" s="60" t="s">
        <v>75</v>
      </c>
      <c r="B14" s="98" t="s">
        <v>20</v>
      </c>
      <c r="C14" s="98"/>
      <c r="D14" s="10"/>
      <c r="E14" s="61">
        <f>SUM(E16:E20)</f>
        <v>0</v>
      </c>
      <c r="F14" s="12" t="s">
        <v>6</v>
      </c>
    </row>
    <row r="15" spans="1:6" s="2" customFormat="1" ht="17.100000000000001" customHeight="1">
      <c r="A15" s="9"/>
      <c r="B15" s="8"/>
      <c r="C15" s="59"/>
      <c r="D15" s="10"/>
      <c r="E15" s="11"/>
      <c r="F15" s="12"/>
    </row>
    <row r="16" spans="1:6" s="2" customFormat="1" ht="17.100000000000001" customHeight="1">
      <c r="A16" s="9"/>
      <c r="B16" s="8"/>
      <c r="C16" s="59" t="s">
        <v>7</v>
      </c>
      <c r="D16" s="10"/>
      <c r="E16" s="20">
        <v>0</v>
      </c>
      <c r="F16" s="12"/>
    </row>
    <row r="17" spans="1:6" s="2" customFormat="1" ht="17.100000000000001" customHeight="1">
      <c r="A17" s="9"/>
      <c r="B17" s="8"/>
      <c r="C17" s="59"/>
      <c r="D17" s="10"/>
      <c r="E17" s="11"/>
      <c r="F17" s="12" t="s">
        <v>8</v>
      </c>
    </row>
    <row r="18" spans="1:6" s="2" customFormat="1" ht="17.100000000000001" customHeight="1">
      <c r="A18" s="9"/>
      <c r="B18" s="8"/>
      <c r="C18" s="59" t="s">
        <v>9</v>
      </c>
      <c r="D18" s="10"/>
      <c r="E18" s="13">
        <v>0</v>
      </c>
      <c r="F18" s="15"/>
    </row>
    <row r="19" spans="1:6" s="2" customFormat="1" ht="17.100000000000001" customHeight="1">
      <c r="A19" s="9"/>
      <c r="B19" s="8"/>
      <c r="C19" s="59"/>
      <c r="D19" s="10"/>
      <c r="E19" s="11"/>
      <c r="F19" s="12"/>
    </row>
    <row r="20" spans="1:6" s="2" customFormat="1" ht="17.100000000000001" customHeight="1">
      <c r="A20" s="9"/>
      <c r="B20" s="8"/>
      <c r="C20" s="59" t="s">
        <v>10</v>
      </c>
      <c r="D20" s="10"/>
      <c r="E20" s="13">
        <v>0</v>
      </c>
      <c r="F20" s="12"/>
    </row>
    <row r="21" spans="1:6" s="2" customFormat="1" ht="17.100000000000001" customHeight="1">
      <c r="A21" s="9"/>
      <c r="B21" s="8"/>
      <c r="C21" s="59"/>
      <c r="D21" s="10"/>
      <c r="E21" s="11"/>
      <c r="F21" s="12"/>
    </row>
    <row r="22" spans="1:6" s="2" customFormat="1" ht="17.100000000000001" customHeight="1">
      <c r="A22" s="60" t="s">
        <v>75</v>
      </c>
      <c r="B22" s="98" t="s">
        <v>11</v>
      </c>
      <c r="C22" s="98"/>
      <c r="D22" s="10"/>
      <c r="E22" s="61">
        <v>0</v>
      </c>
      <c r="F22" s="12"/>
    </row>
    <row r="23" spans="1:6" s="2" customFormat="1" ht="17.100000000000001" customHeight="1">
      <c r="A23" s="9"/>
      <c r="B23" s="8"/>
      <c r="C23" s="59"/>
      <c r="D23" s="10"/>
      <c r="E23" s="11"/>
      <c r="F23" s="12"/>
    </row>
    <row r="24" spans="1:6" s="2" customFormat="1" ht="17.100000000000001" customHeight="1">
      <c r="A24" s="60" t="s">
        <v>76</v>
      </c>
      <c r="B24" s="98" t="s">
        <v>12</v>
      </c>
      <c r="C24" s="98"/>
      <c r="D24" s="10"/>
      <c r="E24" s="61">
        <v>0</v>
      </c>
      <c r="F24" s="12"/>
    </row>
    <row r="25" spans="1:6" s="2" customFormat="1" ht="17.100000000000001" customHeight="1">
      <c r="A25" s="9"/>
      <c r="B25" s="8"/>
      <c r="C25" s="62"/>
      <c r="D25" s="10"/>
      <c r="E25" s="11"/>
      <c r="F25" s="12"/>
    </row>
    <row r="26" spans="1:6" s="2" customFormat="1" ht="17.100000000000001" customHeight="1">
      <c r="A26" s="60" t="s">
        <v>77</v>
      </c>
      <c r="B26" s="98" t="s">
        <v>13</v>
      </c>
      <c r="C26" s="98"/>
      <c r="D26" s="10"/>
      <c r="E26" s="61">
        <f>SUM(E28:E32)</f>
        <v>0</v>
      </c>
      <c r="F26" s="12"/>
    </row>
    <row r="27" spans="1:6" s="2" customFormat="1" ht="17.100000000000001" customHeight="1">
      <c r="A27" s="9"/>
      <c r="B27" s="8"/>
      <c r="C27" s="59"/>
      <c r="D27" s="10"/>
      <c r="E27" s="11"/>
      <c r="F27" s="12"/>
    </row>
    <row r="28" spans="1:6" s="2" customFormat="1" ht="17.100000000000001" customHeight="1">
      <c r="A28" s="9"/>
      <c r="B28" s="8"/>
      <c r="C28" s="59" t="s">
        <v>14</v>
      </c>
      <c r="D28" s="10"/>
      <c r="E28" s="13">
        <v>0</v>
      </c>
      <c r="F28" s="12"/>
    </row>
    <row r="29" spans="1:6" s="2" customFormat="1" ht="17.100000000000001" customHeight="1">
      <c r="A29" s="9"/>
      <c r="B29" s="8"/>
      <c r="C29" s="8"/>
      <c r="D29" s="10"/>
      <c r="E29" s="11"/>
      <c r="F29" s="12"/>
    </row>
    <row r="30" spans="1:6" s="2" customFormat="1" ht="17.100000000000001" customHeight="1">
      <c r="A30" s="9"/>
      <c r="B30" s="8"/>
      <c r="C30" s="59" t="s">
        <v>15</v>
      </c>
      <c r="D30" s="10"/>
      <c r="E30" s="13">
        <v>0</v>
      </c>
      <c r="F30" s="12"/>
    </row>
    <row r="31" spans="1:6" s="2" customFormat="1" ht="17.100000000000001" customHeight="1">
      <c r="A31" s="9"/>
      <c r="B31" s="8"/>
      <c r="C31" s="59"/>
      <c r="D31" s="10"/>
      <c r="E31" s="11"/>
      <c r="F31" s="12"/>
    </row>
    <row r="32" spans="1:6" s="2" customFormat="1" ht="17.100000000000001" customHeight="1">
      <c r="A32" s="9"/>
      <c r="B32" s="8"/>
      <c r="C32" s="59" t="s">
        <v>16</v>
      </c>
      <c r="D32" s="10"/>
      <c r="E32" s="13">
        <v>0</v>
      </c>
      <c r="F32" s="12"/>
    </row>
    <row r="33" spans="1:6" s="2" customFormat="1" ht="17.100000000000001" customHeight="1">
      <c r="A33" s="9"/>
      <c r="B33" s="8"/>
      <c r="C33" s="59"/>
      <c r="D33" s="10"/>
      <c r="E33" s="11"/>
      <c r="F33" s="12"/>
    </row>
    <row r="34" spans="1:6" s="2" customFormat="1" ht="17.100000000000001" customHeight="1">
      <c r="A34" s="60" t="s">
        <v>77</v>
      </c>
      <c r="B34" s="98" t="s">
        <v>17</v>
      </c>
      <c r="C34" s="98"/>
      <c r="D34" s="10"/>
      <c r="E34" s="61">
        <f>SUM(E36)</f>
        <v>0</v>
      </c>
      <c r="F34" s="12"/>
    </row>
    <row r="35" spans="1:6" s="2" customFormat="1" ht="17.100000000000001" customHeight="1">
      <c r="A35" s="9"/>
      <c r="B35" s="59"/>
      <c r="C35" s="59"/>
      <c r="D35" s="10"/>
      <c r="E35" s="11"/>
      <c r="F35" s="12"/>
    </row>
    <row r="36" spans="1:6" s="2" customFormat="1" ht="17.100000000000001" customHeight="1">
      <c r="A36" s="9"/>
      <c r="B36" s="59"/>
      <c r="C36" s="59" t="s">
        <v>18</v>
      </c>
      <c r="D36" s="10"/>
      <c r="E36" s="13">
        <v>0</v>
      </c>
      <c r="F36" s="12"/>
    </row>
    <row r="37" spans="1:6" s="2" customFormat="1" ht="17.100000000000001" customHeight="1">
      <c r="A37" s="9"/>
      <c r="B37" s="8"/>
      <c r="C37" s="59"/>
      <c r="D37" s="10"/>
      <c r="E37" s="11"/>
      <c r="F37" s="12"/>
    </row>
    <row r="38" spans="1:6" s="2" customFormat="1" ht="17.100000000000001" customHeight="1">
      <c r="A38" s="60" t="s">
        <v>76</v>
      </c>
      <c r="B38" s="98" t="s">
        <v>19</v>
      </c>
      <c r="C38" s="98"/>
      <c r="D38" s="10"/>
      <c r="E38" s="61">
        <v>0</v>
      </c>
      <c r="F38" s="12"/>
    </row>
    <row r="39" spans="1:6" s="2" customFormat="1" ht="17.100000000000001" customHeight="1">
      <c r="A39" s="9"/>
      <c r="B39" s="59"/>
      <c r="C39" s="59"/>
      <c r="D39" s="10"/>
      <c r="E39" s="11"/>
      <c r="F39" s="12"/>
    </row>
    <row r="40" spans="1:6" s="2" customFormat="1" ht="17.100000000000001" customHeight="1">
      <c r="A40" s="16"/>
      <c r="B40" s="99" t="s">
        <v>22</v>
      </c>
      <c r="C40" s="99"/>
      <c r="D40" s="17"/>
      <c r="E40" s="63">
        <f>SUM(E12+E14+E22+E24+E26+E34+E38)</f>
        <v>0</v>
      </c>
      <c r="F40" s="18"/>
    </row>
    <row r="42" spans="1:6">
      <c r="A42" s="95"/>
      <c r="B42" s="96"/>
      <c r="C42" s="96"/>
      <c r="D42" s="96"/>
      <c r="E42" s="96"/>
      <c r="F42" s="96"/>
    </row>
    <row r="43" spans="1:6">
      <c r="A43" s="96"/>
      <c r="B43" s="96"/>
      <c r="C43" s="96"/>
      <c r="D43" s="96"/>
      <c r="E43" s="96"/>
      <c r="F43" s="96"/>
    </row>
    <row r="44" spans="1:6">
      <c r="A44" s="96"/>
      <c r="B44" s="96"/>
      <c r="C44" s="96"/>
      <c r="D44" s="96"/>
      <c r="E44" s="96"/>
      <c r="F44" s="96"/>
    </row>
  </sheetData>
  <mergeCells count="15">
    <mergeCell ref="A42:F42"/>
    <mergeCell ref="A43:F43"/>
    <mergeCell ref="A44:F44"/>
    <mergeCell ref="A4:F4"/>
    <mergeCell ref="A1:F1"/>
    <mergeCell ref="B24:C24"/>
    <mergeCell ref="B26:C26"/>
    <mergeCell ref="B34:C34"/>
    <mergeCell ref="B38:C38"/>
    <mergeCell ref="B40:C40"/>
    <mergeCell ref="B22:C22"/>
    <mergeCell ref="A2:F2"/>
    <mergeCell ref="B9:C9"/>
    <mergeCell ref="B12:C12"/>
    <mergeCell ref="B14:C14"/>
  </mergeCells>
  <phoneticPr fontId="2"/>
  <dataValidations count="1">
    <dataValidation type="whole" operator="greaterThan" allowBlank="1" showInputMessage="1" showErrorMessage="1" sqref="I13:I17 JE13:JE17 TA13:TA17 ACW13:ACW17 AMS13:AMS17 AWO13:AWO17 BGK13:BGK17 BQG13:BQG17 CAC13:CAC17 CJY13:CJY17 CTU13:CTU17 DDQ13:DDQ17 DNM13:DNM17 DXI13:DXI17 EHE13:EHE17 ERA13:ERA17 FAW13:FAW17 FKS13:FKS17 FUO13:FUO17 GEK13:GEK17 GOG13:GOG17 GYC13:GYC17 HHY13:HHY17 HRU13:HRU17 IBQ13:IBQ17 ILM13:ILM17 IVI13:IVI17 JFE13:JFE17 JPA13:JPA17 JYW13:JYW17 KIS13:KIS17 KSO13:KSO17 LCK13:LCK17 LMG13:LMG17 LWC13:LWC17 MFY13:MFY17 MPU13:MPU17 MZQ13:MZQ17 NJM13:NJM17 NTI13:NTI17 ODE13:ODE17 ONA13:ONA17 OWW13:OWW17 PGS13:PGS17 PQO13:PQO17 QAK13:QAK17 QKG13:QKG17 QUC13:QUC17 RDY13:RDY17 RNU13:RNU17 RXQ13:RXQ17 SHM13:SHM17 SRI13:SRI17 TBE13:TBE17 TLA13:TLA17 TUW13:TUW17 UES13:UES17 UOO13:UOO17 UYK13:UYK17 VIG13:VIG17 VSC13:VSC17 WBY13:WBY17 WLU13:WLU17 WVQ13:WVQ17 I65497:I65501 JE65497:JE65501 TA65497:TA65501 ACW65497:ACW65501 AMS65497:AMS65501 AWO65497:AWO65501 BGK65497:BGK65501 BQG65497:BQG65501 CAC65497:CAC65501 CJY65497:CJY65501 CTU65497:CTU65501 DDQ65497:DDQ65501 DNM65497:DNM65501 DXI65497:DXI65501 EHE65497:EHE65501 ERA65497:ERA65501 FAW65497:FAW65501 FKS65497:FKS65501 FUO65497:FUO65501 GEK65497:GEK65501 GOG65497:GOG65501 GYC65497:GYC65501 HHY65497:HHY65501 HRU65497:HRU65501 IBQ65497:IBQ65501 ILM65497:ILM65501 IVI65497:IVI65501 JFE65497:JFE65501 JPA65497:JPA65501 JYW65497:JYW65501 KIS65497:KIS65501 KSO65497:KSO65501 LCK65497:LCK65501 LMG65497:LMG65501 LWC65497:LWC65501 MFY65497:MFY65501 MPU65497:MPU65501 MZQ65497:MZQ65501 NJM65497:NJM65501 NTI65497:NTI65501 ODE65497:ODE65501 ONA65497:ONA65501 OWW65497:OWW65501 PGS65497:PGS65501 PQO65497:PQO65501 QAK65497:QAK65501 QKG65497:QKG65501 QUC65497:QUC65501 RDY65497:RDY65501 RNU65497:RNU65501 RXQ65497:RXQ65501 SHM65497:SHM65501 SRI65497:SRI65501 TBE65497:TBE65501 TLA65497:TLA65501 TUW65497:TUW65501 UES65497:UES65501 UOO65497:UOO65501 UYK65497:UYK65501 VIG65497:VIG65501 VSC65497:VSC65501 WBY65497:WBY65501 WLU65497:WLU65501 WVQ65497:WVQ65501 I131033:I131037 JE131033:JE131037 TA131033:TA131037 ACW131033:ACW131037 AMS131033:AMS131037 AWO131033:AWO131037 BGK131033:BGK131037 BQG131033:BQG131037 CAC131033:CAC131037 CJY131033:CJY131037 CTU131033:CTU131037 DDQ131033:DDQ131037 DNM131033:DNM131037 DXI131033:DXI131037 EHE131033:EHE131037 ERA131033:ERA131037 FAW131033:FAW131037 FKS131033:FKS131037 FUO131033:FUO131037 GEK131033:GEK131037 GOG131033:GOG131037 GYC131033:GYC131037 HHY131033:HHY131037 HRU131033:HRU131037 IBQ131033:IBQ131037 ILM131033:ILM131037 IVI131033:IVI131037 JFE131033:JFE131037 JPA131033:JPA131037 JYW131033:JYW131037 KIS131033:KIS131037 KSO131033:KSO131037 LCK131033:LCK131037 LMG131033:LMG131037 LWC131033:LWC131037 MFY131033:MFY131037 MPU131033:MPU131037 MZQ131033:MZQ131037 NJM131033:NJM131037 NTI131033:NTI131037 ODE131033:ODE131037 ONA131033:ONA131037 OWW131033:OWW131037 PGS131033:PGS131037 PQO131033:PQO131037 QAK131033:QAK131037 QKG131033:QKG131037 QUC131033:QUC131037 RDY131033:RDY131037 RNU131033:RNU131037 RXQ131033:RXQ131037 SHM131033:SHM131037 SRI131033:SRI131037 TBE131033:TBE131037 TLA131033:TLA131037 TUW131033:TUW131037 UES131033:UES131037 UOO131033:UOO131037 UYK131033:UYK131037 VIG131033:VIG131037 VSC131033:VSC131037 WBY131033:WBY131037 WLU131033:WLU131037 WVQ131033:WVQ131037 I196569:I196573 JE196569:JE196573 TA196569:TA196573 ACW196569:ACW196573 AMS196569:AMS196573 AWO196569:AWO196573 BGK196569:BGK196573 BQG196569:BQG196573 CAC196569:CAC196573 CJY196569:CJY196573 CTU196569:CTU196573 DDQ196569:DDQ196573 DNM196569:DNM196573 DXI196569:DXI196573 EHE196569:EHE196573 ERA196569:ERA196573 FAW196569:FAW196573 FKS196569:FKS196573 FUO196569:FUO196573 GEK196569:GEK196573 GOG196569:GOG196573 GYC196569:GYC196573 HHY196569:HHY196573 HRU196569:HRU196573 IBQ196569:IBQ196573 ILM196569:ILM196573 IVI196569:IVI196573 JFE196569:JFE196573 JPA196569:JPA196573 JYW196569:JYW196573 KIS196569:KIS196573 KSO196569:KSO196573 LCK196569:LCK196573 LMG196569:LMG196573 LWC196569:LWC196573 MFY196569:MFY196573 MPU196569:MPU196573 MZQ196569:MZQ196573 NJM196569:NJM196573 NTI196569:NTI196573 ODE196569:ODE196573 ONA196569:ONA196573 OWW196569:OWW196573 PGS196569:PGS196573 PQO196569:PQO196573 QAK196569:QAK196573 QKG196569:QKG196573 QUC196569:QUC196573 RDY196569:RDY196573 RNU196569:RNU196573 RXQ196569:RXQ196573 SHM196569:SHM196573 SRI196569:SRI196573 TBE196569:TBE196573 TLA196569:TLA196573 TUW196569:TUW196573 UES196569:UES196573 UOO196569:UOO196573 UYK196569:UYK196573 VIG196569:VIG196573 VSC196569:VSC196573 WBY196569:WBY196573 WLU196569:WLU196573 WVQ196569:WVQ196573 I262105:I262109 JE262105:JE262109 TA262105:TA262109 ACW262105:ACW262109 AMS262105:AMS262109 AWO262105:AWO262109 BGK262105:BGK262109 BQG262105:BQG262109 CAC262105:CAC262109 CJY262105:CJY262109 CTU262105:CTU262109 DDQ262105:DDQ262109 DNM262105:DNM262109 DXI262105:DXI262109 EHE262105:EHE262109 ERA262105:ERA262109 FAW262105:FAW262109 FKS262105:FKS262109 FUO262105:FUO262109 GEK262105:GEK262109 GOG262105:GOG262109 GYC262105:GYC262109 HHY262105:HHY262109 HRU262105:HRU262109 IBQ262105:IBQ262109 ILM262105:ILM262109 IVI262105:IVI262109 JFE262105:JFE262109 JPA262105:JPA262109 JYW262105:JYW262109 KIS262105:KIS262109 KSO262105:KSO262109 LCK262105:LCK262109 LMG262105:LMG262109 LWC262105:LWC262109 MFY262105:MFY262109 MPU262105:MPU262109 MZQ262105:MZQ262109 NJM262105:NJM262109 NTI262105:NTI262109 ODE262105:ODE262109 ONA262105:ONA262109 OWW262105:OWW262109 PGS262105:PGS262109 PQO262105:PQO262109 QAK262105:QAK262109 QKG262105:QKG262109 QUC262105:QUC262109 RDY262105:RDY262109 RNU262105:RNU262109 RXQ262105:RXQ262109 SHM262105:SHM262109 SRI262105:SRI262109 TBE262105:TBE262109 TLA262105:TLA262109 TUW262105:TUW262109 UES262105:UES262109 UOO262105:UOO262109 UYK262105:UYK262109 VIG262105:VIG262109 VSC262105:VSC262109 WBY262105:WBY262109 WLU262105:WLU262109 WVQ262105:WVQ262109 I327641:I327645 JE327641:JE327645 TA327641:TA327645 ACW327641:ACW327645 AMS327641:AMS327645 AWO327641:AWO327645 BGK327641:BGK327645 BQG327641:BQG327645 CAC327641:CAC327645 CJY327641:CJY327645 CTU327641:CTU327645 DDQ327641:DDQ327645 DNM327641:DNM327645 DXI327641:DXI327645 EHE327641:EHE327645 ERA327641:ERA327645 FAW327641:FAW327645 FKS327641:FKS327645 FUO327641:FUO327645 GEK327641:GEK327645 GOG327641:GOG327645 GYC327641:GYC327645 HHY327641:HHY327645 HRU327641:HRU327645 IBQ327641:IBQ327645 ILM327641:ILM327645 IVI327641:IVI327645 JFE327641:JFE327645 JPA327641:JPA327645 JYW327641:JYW327645 KIS327641:KIS327645 KSO327641:KSO327645 LCK327641:LCK327645 LMG327641:LMG327645 LWC327641:LWC327645 MFY327641:MFY327645 MPU327641:MPU327645 MZQ327641:MZQ327645 NJM327641:NJM327645 NTI327641:NTI327645 ODE327641:ODE327645 ONA327641:ONA327645 OWW327641:OWW327645 PGS327641:PGS327645 PQO327641:PQO327645 QAK327641:QAK327645 QKG327641:QKG327645 QUC327641:QUC327645 RDY327641:RDY327645 RNU327641:RNU327645 RXQ327641:RXQ327645 SHM327641:SHM327645 SRI327641:SRI327645 TBE327641:TBE327645 TLA327641:TLA327645 TUW327641:TUW327645 UES327641:UES327645 UOO327641:UOO327645 UYK327641:UYK327645 VIG327641:VIG327645 VSC327641:VSC327645 WBY327641:WBY327645 WLU327641:WLU327645 WVQ327641:WVQ327645 I393177:I393181 JE393177:JE393181 TA393177:TA393181 ACW393177:ACW393181 AMS393177:AMS393181 AWO393177:AWO393181 BGK393177:BGK393181 BQG393177:BQG393181 CAC393177:CAC393181 CJY393177:CJY393181 CTU393177:CTU393181 DDQ393177:DDQ393181 DNM393177:DNM393181 DXI393177:DXI393181 EHE393177:EHE393181 ERA393177:ERA393181 FAW393177:FAW393181 FKS393177:FKS393181 FUO393177:FUO393181 GEK393177:GEK393181 GOG393177:GOG393181 GYC393177:GYC393181 HHY393177:HHY393181 HRU393177:HRU393181 IBQ393177:IBQ393181 ILM393177:ILM393181 IVI393177:IVI393181 JFE393177:JFE393181 JPA393177:JPA393181 JYW393177:JYW393181 KIS393177:KIS393181 KSO393177:KSO393181 LCK393177:LCK393181 LMG393177:LMG393181 LWC393177:LWC393181 MFY393177:MFY393181 MPU393177:MPU393181 MZQ393177:MZQ393181 NJM393177:NJM393181 NTI393177:NTI393181 ODE393177:ODE393181 ONA393177:ONA393181 OWW393177:OWW393181 PGS393177:PGS393181 PQO393177:PQO393181 QAK393177:QAK393181 QKG393177:QKG393181 QUC393177:QUC393181 RDY393177:RDY393181 RNU393177:RNU393181 RXQ393177:RXQ393181 SHM393177:SHM393181 SRI393177:SRI393181 TBE393177:TBE393181 TLA393177:TLA393181 TUW393177:TUW393181 UES393177:UES393181 UOO393177:UOO393181 UYK393177:UYK393181 VIG393177:VIG393181 VSC393177:VSC393181 WBY393177:WBY393181 WLU393177:WLU393181 WVQ393177:WVQ393181 I458713:I458717 JE458713:JE458717 TA458713:TA458717 ACW458713:ACW458717 AMS458713:AMS458717 AWO458713:AWO458717 BGK458713:BGK458717 BQG458713:BQG458717 CAC458713:CAC458717 CJY458713:CJY458717 CTU458713:CTU458717 DDQ458713:DDQ458717 DNM458713:DNM458717 DXI458713:DXI458717 EHE458713:EHE458717 ERA458713:ERA458717 FAW458713:FAW458717 FKS458713:FKS458717 FUO458713:FUO458717 GEK458713:GEK458717 GOG458713:GOG458717 GYC458713:GYC458717 HHY458713:HHY458717 HRU458713:HRU458717 IBQ458713:IBQ458717 ILM458713:ILM458717 IVI458713:IVI458717 JFE458713:JFE458717 JPA458713:JPA458717 JYW458713:JYW458717 KIS458713:KIS458717 KSO458713:KSO458717 LCK458713:LCK458717 LMG458713:LMG458717 LWC458713:LWC458717 MFY458713:MFY458717 MPU458713:MPU458717 MZQ458713:MZQ458717 NJM458713:NJM458717 NTI458713:NTI458717 ODE458713:ODE458717 ONA458713:ONA458717 OWW458713:OWW458717 PGS458713:PGS458717 PQO458713:PQO458717 QAK458713:QAK458717 QKG458713:QKG458717 QUC458713:QUC458717 RDY458713:RDY458717 RNU458713:RNU458717 RXQ458713:RXQ458717 SHM458713:SHM458717 SRI458713:SRI458717 TBE458713:TBE458717 TLA458713:TLA458717 TUW458713:TUW458717 UES458713:UES458717 UOO458713:UOO458717 UYK458713:UYK458717 VIG458713:VIG458717 VSC458713:VSC458717 WBY458713:WBY458717 WLU458713:WLU458717 WVQ458713:WVQ458717 I524249:I524253 JE524249:JE524253 TA524249:TA524253 ACW524249:ACW524253 AMS524249:AMS524253 AWO524249:AWO524253 BGK524249:BGK524253 BQG524249:BQG524253 CAC524249:CAC524253 CJY524249:CJY524253 CTU524249:CTU524253 DDQ524249:DDQ524253 DNM524249:DNM524253 DXI524249:DXI524253 EHE524249:EHE524253 ERA524249:ERA524253 FAW524249:FAW524253 FKS524249:FKS524253 FUO524249:FUO524253 GEK524249:GEK524253 GOG524249:GOG524253 GYC524249:GYC524253 HHY524249:HHY524253 HRU524249:HRU524253 IBQ524249:IBQ524253 ILM524249:ILM524253 IVI524249:IVI524253 JFE524249:JFE524253 JPA524249:JPA524253 JYW524249:JYW524253 KIS524249:KIS524253 KSO524249:KSO524253 LCK524249:LCK524253 LMG524249:LMG524253 LWC524249:LWC524253 MFY524249:MFY524253 MPU524249:MPU524253 MZQ524249:MZQ524253 NJM524249:NJM524253 NTI524249:NTI524253 ODE524249:ODE524253 ONA524249:ONA524253 OWW524249:OWW524253 PGS524249:PGS524253 PQO524249:PQO524253 QAK524249:QAK524253 QKG524249:QKG524253 QUC524249:QUC524253 RDY524249:RDY524253 RNU524249:RNU524253 RXQ524249:RXQ524253 SHM524249:SHM524253 SRI524249:SRI524253 TBE524249:TBE524253 TLA524249:TLA524253 TUW524249:TUW524253 UES524249:UES524253 UOO524249:UOO524253 UYK524249:UYK524253 VIG524249:VIG524253 VSC524249:VSC524253 WBY524249:WBY524253 WLU524249:WLU524253 WVQ524249:WVQ524253 I589785:I589789 JE589785:JE589789 TA589785:TA589789 ACW589785:ACW589789 AMS589785:AMS589789 AWO589785:AWO589789 BGK589785:BGK589789 BQG589785:BQG589789 CAC589785:CAC589789 CJY589785:CJY589789 CTU589785:CTU589789 DDQ589785:DDQ589789 DNM589785:DNM589789 DXI589785:DXI589789 EHE589785:EHE589789 ERA589785:ERA589789 FAW589785:FAW589789 FKS589785:FKS589789 FUO589785:FUO589789 GEK589785:GEK589789 GOG589785:GOG589789 GYC589785:GYC589789 HHY589785:HHY589789 HRU589785:HRU589789 IBQ589785:IBQ589789 ILM589785:ILM589789 IVI589785:IVI589789 JFE589785:JFE589789 JPA589785:JPA589789 JYW589785:JYW589789 KIS589785:KIS589789 KSO589785:KSO589789 LCK589785:LCK589789 LMG589785:LMG589789 LWC589785:LWC589789 MFY589785:MFY589789 MPU589785:MPU589789 MZQ589785:MZQ589789 NJM589785:NJM589789 NTI589785:NTI589789 ODE589785:ODE589789 ONA589785:ONA589789 OWW589785:OWW589789 PGS589785:PGS589789 PQO589785:PQO589789 QAK589785:QAK589789 QKG589785:QKG589789 QUC589785:QUC589789 RDY589785:RDY589789 RNU589785:RNU589789 RXQ589785:RXQ589789 SHM589785:SHM589789 SRI589785:SRI589789 TBE589785:TBE589789 TLA589785:TLA589789 TUW589785:TUW589789 UES589785:UES589789 UOO589785:UOO589789 UYK589785:UYK589789 VIG589785:VIG589789 VSC589785:VSC589789 WBY589785:WBY589789 WLU589785:WLU589789 WVQ589785:WVQ589789 I655321:I655325 JE655321:JE655325 TA655321:TA655325 ACW655321:ACW655325 AMS655321:AMS655325 AWO655321:AWO655325 BGK655321:BGK655325 BQG655321:BQG655325 CAC655321:CAC655325 CJY655321:CJY655325 CTU655321:CTU655325 DDQ655321:DDQ655325 DNM655321:DNM655325 DXI655321:DXI655325 EHE655321:EHE655325 ERA655321:ERA655325 FAW655321:FAW655325 FKS655321:FKS655325 FUO655321:FUO655325 GEK655321:GEK655325 GOG655321:GOG655325 GYC655321:GYC655325 HHY655321:HHY655325 HRU655321:HRU655325 IBQ655321:IBQ655325 ILM655321:ILM655325 IVI655321:IVI655325 JFE655321:JFE655325 JPA655321:JPA655325 JYW655321:JYW655325 KIS655321:KIS655325 KSO655321:KSO655325 LCK655321:LCK655325 LMG655321:LMG655325 LWC655321:LWC655325 MFY655321:MFY655325 MPU655321:MPU655325 MZQ655321:MZQ655325 NJM655321:NJM655325 NTI655321:NTI655325 ODE655321:ODE655325 ONA655321:ONA655325 OWW655321:OWW655325 PGS655321:PGS655325 PQO655321:PQO655325 QAK655321:QAK655325 QKG655321:QKG655325 QUC655321:QUC655325 RDY655321:RDY655325 RNU655321:RNU655325 RXQ655321:RXQ655325 SHM655321:SHM655325 SRI655321:SRI655325 TBE655321:TBE655325 TLA655321:TLA655325 TUW655321:TUW655325 UES655321:UES655325 UOO655321:UOO655325 UYK655321:UYK655325 VIG655321:VIG655325 VSC655321:VSC655325 WBY655321:WBY655325 WLU655321:WLU655325 WVQ655321:WVQ655325 I720857:I720861 JE720857:JE720861 TA720857:TA720861 ACW720857:ACW720861 AMS720857:AMS720861 AWO720857:AWO720861 BGK720857:BGK720861 BQG720857:BQG720861 CAC720857:CAC720861 CJY720857:CJY720861 CTU720857:CTU720861 DDQ720857:DDQ720861 DNM720857:DNM720861 DXI720857:DXI720861 EHE720857:EHE720861 ERA720857:ERA720861 FAW720857:FAW720861 FKS720857:FKS720861 FUO720857:FUO720861 GEK720857:GEK720861 GOG720857:GOG720861 GYC720857:GYC720861 HHY720857:HHY720861 HRU720857:HRU720861 IBQ720857:IBQ720861 ILM720857:ILM720861 IVI720857:IVI720861 JFE720857:JFE720861 JPA720857:JPA720861 JYW720857:JYW720861 KIS720857:KIS720861 KSO720857:KSO720861 LCK720857:LCK720861 LMG720857:LMG720861 LWC720857:LWC720861 MFY720857:MFY720861 MPU720857:MPU720861 MZQ720857:MZQ720861 NJM720857:NJM720861 NTI720857:NTI720861 ODE720857:ODE720861 ONA720857:ONA720861 OWW720857:OWW720861 PGS720857:PGS720861 PQO720857:PQO720861 QAK720857:QAK720861 QKG720857:QKG720861 QUC720857:QUC720861 RDY720857:RDY720861 RNU720857:RNU720861 RXQ720857:RXQ720861 SHM720857:SHM720861 SRI720857:SRI720861 TBE720857:TBE720861 TLA720857:TLA720861 TUW720857:TUW720861 UES720857:UES720861 UOO720857:UOO720861 UYK720857:UYK720861 VIG720857:VIG720861 VSC720857:VSC720861 WBY720857:WBY720861 WLU720857:WLU720861 WVQ720857:WVQ720861 I786393:I786397 JE786393:JE786397 TA786393:TA786397 ACW786393:ACW786397 AMS786393:AMS786397 AWO786393:AWO786397 BGK786393:BGK786397 BQG786393:BQG786397 CAC786393:CAC786397 CJY786393:CJY786397 CTU786393:CTU786397 DDQ786393:DDQ786397 DNM786393:DNM786397 DXI786393:DXI786397 EHE786393:EHE786397 ERA786393:ERA786397 FAW786393:FAW786397 FKS786393:FKS786397 FUO786393:FUO786397 GEK786393:GEK786397 GOG786393:GOG786397 GYC786393:GYC786397 HHY786393:HHY786397 HRU786393:HRU786397 IBQ786393:IBQ786397 ILM786393:ILM786397 IVI786393:IVI786397 JFE786393:JFE786397 JPA786393:JPA786397 JYW786393:JYW786397 KIS786393:KIS786397 KSO786393:KSO786397 LCK786393:LCK786397 LMG786393:LMG786397 LWC786393:LWC786397 MFY786393:MFY786397 MPU786393:MPU786397 MZQ786393:MZQ786397 NJM786393:NJM786397 NTI786393:NTI786397 ODE786393:ODE786397 ONA786393:ONA786397 OWW786393:OWW786397 PGS786393:PGS786397 PQO786393:PQO786397 QAK786393:QAK786397 QKG786393:QKG786397 QUC786393:QUC786397 RDY786393:RDY786397 RNU786393:RNU786397 RXQ786393:RXQ786397 SHM786393:SHM786397 SRI786393:SRI786397 TBE786393:TBE786397 TLA786393:TLA786397 TUW786393:TUW786397 UES786393:UES786397 UOO786393:UOO786397 UYK786393:UYK786397 VIG786393:VIG786397 VSC786393:VSC786397 WBY786393:WBY786397 WLU786393:WLU786397 WVQ786393:WVQ786397 I851929:I851933 JE851929:JE851933 TA851929:TA851933 ACW851929:ACW851933 AMS851929:AMS851933 AWO851929:AWO851933 BGK851929:BGK851933 BQG851929:BQG851933 CAC851929:CAC851933 CJY851929:CJY851933 CTU851929:CTU851933 DDQ851929:DDQ851933 DNM851929:DNM851933 DXI851929:DXI851933 EHE851929:EHE851933 ERA851929:ERA851933 FAW851929:FAW851933 FKS851929:FKS851933 FUO851929:FUO851933 GEK851929:GEK851933 GOG851929:GOG851933 GYC851929:GYC851933 HHY851929:HHY851933 HRU851929:HRU851933 IBQ851929:IBQ851933 ILM851929:ILM851933 IVI851929:IVI851933 JFE851929:JFE851933 JPA851929:JPA851933 JYW851929:JYW851933 KIS851929:KIS851933 KSO851929:KSO851933 LCK851929:LCK851933 LMG851929:LMG851933 LWC851929:LWC851933 MFY851929:MFY851933 MPU851929:MPU851933 MZQ851929:MZQ851933 NJM851929:NJM851933 NTI851929:NTI851933 ODE851929:ODE851933 ONA851929:ONA851933 OWW851929:OWW851933 PGS851929:PGS851933 PQO851929:PQO851933 QAK851929:QAK851933 QKG851929:QKG851933 QUC851929:QUC851933 RDY851929:RDY851933 RNU851929:RNU851933 RXQ851929:RXQ851933 SHM851929:SHM851933 SRI851929:SRI851933 TBE851929:TBE851933 TLA851929:TLA851933 TUW851929:TUW851933 UES851929:UES851933 UOO851929:UOO851933 UYK851929:UYK851933 VIG851929:VIG851933 VSC851929:VSC851933 WBY851929:WBY851933 WLU851929:WLU851933 WVQ851929:WVQ851933 I917465:I917469 JE917465:JE917469 TA917465:TA917469 ACW917465:ACW917469 AMS917465:AMS917469 AWO917465:AWO917469 BGK917465:BGK917469 BQG917465:BQG917469 CAC917465:CAC917469 CJY917465:CJY917469 CTU917465:CTU917469 DDQ917465:DDQ917469 DNM917465:DNM917469 DXI917465:DXI917469 EHE917465:EHE917469 ERA917465:ERA917469 FAW917465:FAW917469 FKS917465:FKS917469 FUO917465:FUO917469 GEK917465:GEK917469 GOG917465:GOG917469 GYC917465:GYC917469 HHY917465:HHY917469 HRU917465:HRU917469 IBQ917465:IBQ917469 ILM917465:ILM917469 IVI917465:IVI917469 JFE917465:JFE917469 JPA917465:JPA917469 JYW917465:JYW917469 KIS917465:KIS917469 KSO917465:KSO917469 LCK917465:LCK917469 LMG917465:LMG917469 LWC917465:LWC917469 MFY917465:MFY917469 MPU917465:MPU917469 MZQ917465:MZQ917469 NJM917465:NJM917469 NTI917465:NTI917469 ODE917465:ODE917469 ONA917465:ONA917469 OWW917465:OWW917469 PGS917465:PGS917469 PQO917465:PQO917469 QAK917465:QAK917469 QKG917465:QKG917469 QUC917465:QUC917469 RDY917465:RDY917469 RNU917465:RNU917469 RXQ917465:RXQ917469 SHM917465:SHM917469 SRI917465:SRI917469 TBE917465:TBE917469 TLA917465:TLA917469 TUW917465:TUW917469 UES917465:UES917469 UOO917465:UOO917469 UYK917465:UYK917469 VIG917465:VIG917469 VSC917465:VSC917469 WBY917465:WBY917469 WLU917465:WLU917469 WVQ917465:WVQ917469 I983001:I983005 JE983001:JE983005 TA983001:TA983005 ACW983001:ACW983005 AMS983001:AMS983005 AWO983001:AWO983005 BGK983001:BGK983005 BQG983001:BQG983005 CAC983001:CAC983005 CJY983001:CJY983005 CTU983001:CTU983005 DDQ983001:DDQ983005 DNM983001:DNM983005 DXI983001:DXI983005 EHE983001:EHE983005 ERA983001:ERA983005 FAW983001:FAW983005 FKS983001:FKS983005 FUO983001:FUO983005 GEK983001:GEK983005 GOG983001:GOG983005 GYC983001:GYC983005 HHY983001:HHY983005 HRU983001:HRU983005 IBQ983001:IBQ983005 ILM983001:ILM983005 IVI983001:IVI983005 JFE983001:JFE983005 JPA983001:JPA983005 JYW983001:JYW983005 KIS983001:KIS983005 KSO983001:KSO983005 LCK983001:LCK983005 LMG983001:LMG983005 LWC983001:LWC983005 MFY983001:MFY983005 MPU983001:MPU983005 MZQ983001:MZQ983005 NJM983001:NJM983005 NTI983001:NTI983005 ODE983001:ODE983005 ONA983001:ONA983005 OWW983001:OWW983005 PGS983001:PGS983005 PQO983001:PQO983005 QAK983001:QAK983005 QKG983001:QKG983005 QUC983001:QUC983005 RDY983001:RDY983005 RNU983001:RNU983005 RXQ983001:RXQ983005 SHM983001:SHM983005 SRI983001:SRI983005 TBE983001:TBE983005 TLA983001:TLA983005 TUW983001:TUW983005 UES983001:UES983005 UOO983001:UOO983005 UYK983001:UYK983005 VIG983001:VIG983005 VSC983001:VSC983005 WBY983001:WBY983005 WLU983001:WLU983005 WVQ983001:WVQ983005 I19:I23 JE19:JE23 TA19:TA23 ACW19:ACW23 AMS19:AMS23 AWO19:AWO23 BGK19:BGK23 BQG19:BQG23 CAC19:CAC23 CJY19:CJY23 CTU19:CTU23 DDQ19:DDQ23 DNM19:DNM23 DXI19:DXI23 EHE19:EHE23 ERA19:ERA23 FAW19:FAW23 FKS19:FKS23 FUO19:FUO23 GEK19:GEK23 GOG19:GOG23 GYC19:GYC23 HHY19:HHY23 HRU19:HRU23 IBQ19:IBQ23 ILM19:ILM23 IVI19:IVI23 JFE19:JFE23 JPA19:JPA23 JYW19:JYW23 KIS19:KIS23 KSO19:KSO23 LCK19:LCK23 LMG19:LMG23 LWC19:LWC23 MFY19:MFY23 MPU19:MPU23 MZQ19:MZQ23 NJM19:NJM23 NTI19:NTI23 ODE19:ODE23 ONA19:ONA23 OWW19:OWW23 PGS19:PGS23 PQO19:PQO23 QAK19:QAK23 QKG19:QKG23 QUC19:QUC23 RDY19:RDY23 RNU19:RNU23 RXQ19:RXQ23 SHM19:SHM23 SRI19:SRI23 TBE19:TBE23 TLA19:TLA23 TUW19:TUW23 UES19:UES23 UOO19:UOO23 UYK19:UYK23 VIG19:VIG23 VSC19:VSC23 WBY19:WBY23 WLU19:WLU23 WVQ19:WVQ23 I65503:I65507 JE65503:JE65507 TA65503:TA65507 ACW65503:ACW65507 AMS65503:AMS65507 AWO65503:AWO65507 BGK65503:BGK65507 BQG65503:BQG65507 CAC65503:CAC65507 CJY65503:CJY65507 CTU65503:CTU65507 DDQ65503:DDQ65507 DNM65503:DNM65507 DXI65503:DXI65507 EHE65503:EHE65507 ERA65503:ERA65507 FAW65503:FAW65507 FKS65503:FKS65507 FUO65503:FUO65507 GEK65503:GEK65507 GOG65503:GOG65507 GYC65503:GYC65507 HHY65503:HHY65507 HRU65503:HRU65507 IBQ65503:IBQ65507 ILM65503:ILM65507 IVI65503:IVI65507 JFE65503:JFE65507 JPA65503:JPA65507 JYW65503:JYW65507 KIS65503:KIS65507 KSO65503:KSO65507 LCK65503:LCK65507 LMG65503:LMG65507 LWC65503:LWC65507 MFY65503:MFY65507 MPU65503:MPU65507 MZQ65503:MZQ65507 NJM65503:NJM65507 NTI65503:NTI65507 ODE65503:ODE65507 ONA65503:ONA65507 OWW65503:OWW65507 PGS65503:PGS65507 PQO65503:PQO65507 QAK65503:QAK65507 QKG65503:QKG65507 QUC65503:QUC65507 RDY65503:RDY65507 RNU65503:RNU65507 RXQ65503:RXQ65507 SHM65503:SHM65507 SRI65503:SRI65507 TBE65503:TBE65507 TLA65503:TLA65507 TUW65503:TUW65507 UES65503:UES65507 UOO65503:UOO65507 UYK65503:UYK65507 VIG65503:VIG65507 VSC65503:VSC65507 WBY65503:WBY65507 WLU65503:WLU65507 WVQ65503:WVQ65507 I131039:I131043 JE131039:JE131043 TA131039:TA131043 ACW131039:ACW131043 AMS131039:AMS131043 AWO131039:AWO131043 BGK131039:BGK131043 BQG131039:BQG131043 CAC131039:CAC131043 CJY131039:CJY131043 CTU131039:CTU131043 DDQ131039:DDQ131043 DNM131039:DNM131043 DXI131039:DXI131043 EHE131039:EHE131043 ERA131039:ERA131043 FAW131039:FAW131043 FKS131039:FKS131043 FUO131039:FUO131043 GEK131039:GEK131043 GOG131039:GOG131043 GYC131039:GYC131043 HHY131039:HHY131043 HRU131039:HRU131043 IBQ131039:IBQ131043 ILM131039:ILM131043 IVI131039:IVI131043 JFE131039:JFE131043 JPA131039:JPA131043 JYW131039:JYW131043 KIS131039:KIS131043 KSO131039:KSO131043 LCK131039:LCK131043 LMG131039:LMG131043 LWC131039:LWC131043 MFY131039:MFY131043 MPU131039:MPU131043 MZQ131039:MZQ131043 NJM131039:NJM131043 NTI131039:NTI131043 ODE131039:ODE131043 ONA131039:ONA131043 OWW131039:OWW131043 PGS131039:PGS131043 PQO131039:PQO131043 QAK131039:QAK131043 QKG131039:QKG131043 QUC131039:QUC131043 RDY131039:RDY131043 RNU131039:RNU131043 RXQ131039:RXQ131043 SHM131039:SHM131043 SRI131039:SRI131043 TBE131039:TBE131043 TLA131039:TLA131043 TUW131039:TUW131043 UES131039:UES131043 UOO131039:UOO131043 UYK131039:UYK131043 VIG131039:VIG131043 VSC131039:VSC131043 WBY131039:WBY131043 WLU131039:WLU131043 WVQ131039:WVQ131043 I196575:I196579 JE196575:JE196579 TA196575:TA196579 ACW196575:ACW196579 AMS196575:AMS196579 AWO196575:AWO196579 BGK196575:BGK196579 BQG196575:BQG196579 CAC196575:CAC196579 CJY196575:CJY196579 CTU196575:CTU196579 DDQ196575:DDQ196579 DNM196575:DNM196579 DXI196575:DXI196579 EHE196575:EHE196579 ERA196575:ERA196579 FAW196575:FAW196579 FKS196575:FKS196579 FUO196575:FUO196579 GEK196575:GEK196579 GOG196575:GOG196579 GYC196575:GYC196579 HHY196575:HHY196579 HRU196575:HRU196579 IBQ196575:IBQ196579 ILM196575:ILM196579 IVI196575:IVI196579 JFE196575:JFE196579 JPA196575:JPA196579 JYW196575:JYW196579 KIS196575:KIS196579 KSO196575:KSO196579 LCK196575:LCK196579 LMG196575:LMG196579 LWC196575:LWC196579 MFY196575:MFY196579 MPU196575:MPU196579 MZQ196575:MZQ196579 NJM196575:NJM196579 NTI196575:NTI196579 ODE196575:ODE196579 ONA196575:ONA196579 OWW196575:OWW196579 PGS196575:PGS196579 PQO196575:PQO196579 QAK196575:QAK196579 QKG196575:QKG196579 QUC196575:QUC196579 RDY196575:RDY196579 RNU196575:RNU196579 RXQ196575:RXQ196579 SHM196575:SHM196579 SRI196575:SRI196579 TBE196575:TBE196579 TLA196575:TLA196579 TUW196575:TUW196579 UES196575:UES196579 UOO196575:UOO196579 UYK196575:UYK196579 VIG196575:VIG196579 VSC196575:VSC196579 WBY196575:WBY196579 WLU196575:WLU196579 WVQ196575:WVQ196579 I262111:I262115 JE262111:JE262115 TA262111:TA262115 ACW262111:ACW262115 AMS262111:AMS262115 AWO262111:AWO262115 BGK262111:BGK262115 BQG262111:BQG262115 CAC262111:CAC262115 CJY262111:CJY262115 CTU262111:CTU262115 DDQ262111:DDQ262115 DNM262111:DNM262115 DXI262111:DXI262115 EHE262111:EHE262115 ERA262111:ERA262115 FAW262111:FAW262115 FKS262111:FKS262115 FUO262111:FUO262115 GEK262111:GEK262115 GOG262111:GOG262115 GYC262111:GYC262115 HHY262111:HHY262115 HRU262111:HRU262115 IBQ262111:IBQ262115 ILM262111:ILM262115 IVI262111:IVI262115 JFE262111:JFE262115 JPA262111:JPA262115 JYW262111:JYW262115 KIS262111:KIS262115 KSO262111:KSO262115 LCK262111:LCK262115 LMG262111:LMG262115 LWC262111:LWC262115 MFY262111:MFY262115 MPU262111:MPU262115 MZQ262111:MZQ262115 NJM262111:NJM262115 NTI262111:NTI262115 ODE262111:ODE262115 ONA262111:ONA262115 OWW262111:OWW262115 PGS262111:PGS262115 PQO262111:PQO262115 QAK262111:QAK262115 QKG262111:QKG262115 QUC262111:QUC262115 RDY262111:RDY262115 RNU262111:RNU262115 RXQ262111:RXQ262115 SHM262111:SHM262115 SRI262111:SRI262115 TBE262111:TBE262115 TLA262111:TLA262115 TUW262111:TUW262115 UES262111:UES262115 UOO262111:UOO262115 UYK262111:UYK262115 VIG262111:VIG262115 VSC262111:VSC262115 WBY262111:WBY262115 WLU262111:WLU262115 WVQ262111:WVQ262115 I327647:I327651 JE327647:JE327651 TA327647:TA327651 ACW327647:ACW327651 AMS327647:AMS327651 AWO327647:AWO327651 BGK327647:BGK327651 BQG327647:BQG327651 CAC327647:CAC327651 CJY327647:CJY327651 CTU327647:CTU327651 DDQ327647:DDQ327651 DNM327647:DNM327651 DXI327647:DXI327651 EHE327647:EHE327651 ERA327647:ERA327651 FAW327647:FAW327651 FKS327647:FKS327651 FUO327647:FUO327651 GEK327647:GEK327651 GOG327647:GOG327651 GYC327647:GYC327651 HHY327647:HHY327651 HRU327647:HRU327651 IBQ327647:IBQ327651 ILM327647:ILM327651 IVI327647:IVI327651 JFE327647:JFE327651 JPA327647:JPA327651 JYW327647:JYW327651 KIS327647:KIS327651 KSO327647:KSO327651 LCK327647:LCK327651 LMG327647:LMG327651 LWC327647:LWC327651 MFY327647:MFY327651 MPU327647:MPU327651 MZQ327647:MZQ327651 NJM327647:NJM327651 NTI327647:NTI327651 ODE327647:ODE327651 ONA327647:ONA327651 OWW327647:OWW327651 PGS327647:PGS327651 PQO327647:PQO327651 QAK327647:QAK327651 QKG327647:QKG327651 QUC327647:QUC327651 RDY327647:RDY327651 RNU327647:RNU327651 RXQ327647:RXQ327651 SHM327647:SHM327651 SRI327647:SRI327651 TBE327647:TBE327651 TLA327647:TLA327651 TUW327647:TUW327651 UES327647:UES327651 UOO327647:UOO327651 UYK327647:UYK327651 VIG327647:VIG327651 VSC327647:VSC327651 WBY327647:WBY327651 WLU327647:WLU327651 WVQ327647:WVQ327651 I393183:I393187 JE393183:JE393187 TA393183:TA393187 ACW393183:ACW393187 AMS393183:AMS393187 AWO393183:AWO393187 BGK393183:BGK393187 BQG393183:BQG393187 CAC393183:CAC393187 CJY393183:CJY393187 CTU393183:CTU393187 DDQ393183:DDQ393187 DNM393183:DNM393187 DXI393183:DXI393187 EHE393183:EHE393187 ERA393183:ERA393187 FAW393183:FAW393187 FKS393183:FKS393187 FUO393183:FUO393187 GEK393183:GEK393187 GOG393183:GOG393187 GYC393183:GYC393187 HHY393183:HHY393187 HRU393183:HRU393187 IBQ393183:IBQ393187 ILM393183:ILM393187 IVI393183:IVI393187 JFE393183:JFE393187 JPA393183:JPA393187 JYW393183:JYW393187 KIS393183:KIS393187 KSO393183:KSO393187 LCK393183:LCK393187 LMG393183:LMG393187 LWC393183:LWC393187 MFY393183:MFY393187 MPU393183:MPU393187 MZQ393183:MZQ393187 NJM393183:NJM393187 NTI393183:NTI393187 ODE393183:ODE393187 ONA393183:ONA393187 OWW393183:OWW393187 PGS393183:PGS393187 PQO393183:PQO393187 QAK393183:QAK393187 QKG393183:QKG393187 QUC393183:QUC393187 RDY393183:RDY393187 RNU393183:RNU393187 RXQ393183:RXQ393187 SHM393183:SHM393187 SRI393183:SRI393187 TBE393183:TBE393187 TLA393183:TLA393187 TUW393183:TUW393187 UES393183:UES393187 UOO393183:UOO393187 UYK393183:UYK393187 VIG393183:VIG393187 VSC393183:VSC393187 WBY393183:WBY393187 WLU393183:WLU393187 WVQ393183:WVQ393187 I458719:I458723 JE458719:JE458723 TA458719:TA458723 ACW458719:ACW458723 AMS458719:AMS458723 AWO458719:AWO458723 BGK458719:BGK458723 BQG458719:BQG458723 CAC458719:CAC458723 CJY458719:CJY458723 CTU458719:CTU458723 DDQ458719:DDQ458723 DNM458719:DNM458723 DXI458719:DXI458723 EHE458719:EHE458723 ERA458719:ERA458723 FAW458719:FAW458723 FKS458719:FKS458723 FUO458719:FUO458723 GEK458719:GEK458723 GOG458719:GOG458723 GYC458719:GYC458723 HHY458719:HHY458723 HRU458719:HRU458723 IBQ458719:IBQ458723 ILM458719:ILM458723 IVI458719:IVI458723 JFE458719:JFE458723 JPA458719:JPA458723 JYW458719:JYW458723 KIS458719:KIS458723 KSO458719:KSO458723 LCK458719:LCK458723 LMG458719:LMG458723 LWC458719:LWC458723 MFY458719:MFY458723 MPU458719:MPU458723 MZQ458719:MZQ458723 NJM458719:NJM458723 NTI458719:NTI458723 ODE458719:ODE458723 ONA458719:ONA458723 OWW458719:OWW458723 PGS458719:PGS458723 PQO458719:PQO458723 QAK458719:QAK458723 QKG458719:QKG458723 QUC458719:QUC458723 RDY458719:RDY458723 RNU458719:RNU458723 RXQ458719:RXQ458723 SHM458719:SHM458723 SRI458719:SRI458723 TBE458719:TBE458723 TLA458719:TLA458723 TUW458719:TUW458723 UES458719:UES458723 UOO458719:UOO458723 UYK458719:UYK458723 VIG458719:VIG458723 VSC458719:VSC458723 WBY458719:WBY458723 WLU458719:WLU458723 WVQ458719:WVQ458723 I524255:I524259 JE524255:JE524259 TA524255:TA524259 ACW524255:ACW524259 AMS524255:AMS524259 AWO524255:AWO524259 BGK524255:BGK524259 BQG524255:BQG524259 CAC524255:CAC524259 CJY524255:CJY524259 CTU524255:CTU524259 DDQ524255:DDQ524259 DNM524255:DNM524259 DXI524255:DXI524259 EHE524255:EHE524259 ERA524255:ERA524259 FAW524255:FAW524259 FKS524255:FKS524259 FUO524255:FUO524259 GEK524255:GEK524259 GOG524255:GOG524259 GYC524255:GYC524259 HHY524255:HHY524259 HRU524255:HRU524259 IBQ524255:IBQ524259 ILM524255:ILM524259 IVI524255:IVI524259 JFE524255:JFE524259 JPA524255:JPA524259 JYW524255:JYW524259 KIS524255:KIS524259 KSO524255:KSO524259 LCK524255:LCK524259 LMG524255:LMG524259 LWC524255:LWC524259 MFY524255:MFY524259 MPU524255:MPU524259 MZQ524255:MZQ524259 NJM524255:NJM524259 NTI524255:NTI524259 ODE524255:ODE524259 ONA524255:ONA524259 OWW524255:OWW524259 PGS524255:PGS524259 PQO524255:PQO524259 QAK524255:QAK524259 QKG524255:QKG524259 QUC524255:QUC524259 RDY524255:RDY524259 RNU524255:RNU524259 RXQ524255:RXQ524259 SHM524255:SHM524259 SRI524255:SRI524259 TBE524255:TBE524259 TLA524255:TLA524259 TUW524255:TUW524259 UES524255:UES524259 UOO524255:UOO524259 UYK524255:UYK524259 VIG524255:VIG524259 VSC524255:VSC524259 WBY524255:WBY524259 WLU524255:WLU524259 WVQ524255:WVQ524259 I589791:I589795 JE589791:JE589795 TA589791:TA589795 ACW589791:ACW589795 AMS589791:AMS589795 AWO589791:AWO589795 BGK589791:BGK589795 BQG589791:BQG589795 CAC589791:CAC589795 CJY589791:CJY589795 CTU589791:CTU589795 DDQ589791:DDQ589795 DNM589791:DNM589795 DXI589791:DXI589795 EHE589791:EHE589795 ERA589791:ERA589795 FAW589791:FAW589795 FKS589791:FKS589795 FUO589791:FUO589795 GEK589791:GEK589795 GOG589791:GOG589795 GYC589791:GYC589795 HHY589791:HHY589795 HRU589791:HRU589795 IBQ589791:IBQ589795 ILM589791:ILM589795 IVI589791:IVI589795 JFE589791:JFE589795 JPA589791:JPA589795 JYW589791:JYW589795 KIS589791:KIS589795 KSO589791:KSO589795 LCK589791:LCK589795 LMG589791:LMG589795 LWC589791:LWC589795 MFY589791:MFY589795 MPU589791:MPU589795 MZQ589791:MZQ589795 NJM589791:NJM589795 NTI589791:NTI589795 ODE589791:ODE589795 ONA589791:ONA589795 OWW589791:OWW589795 PGS589791:PGS589795 PQO589791:PQO589795 QAK589791:QAK589795 QKG589791:QKG589795 QUC589791:QUC589795 RDY589791:RDY589795 RNU589791:RNU589795 RXQ589791:RXQ589795 SHM589791:SHM589795 SRI589791:SRI589795 TBE589791:TBE589795 TLA589791:TLA589795 TUW589791:TUW589795 UES589791:UES589795 UOO589791:UOO589795 UYK589791:UYK589795 VIG589791:VIG589795 VSC589791:VSC589795 WBY589791:WBY589795 WLU589791:WLU589795 WVQ589791:WVQ589795 I655327:I655331 JE655327:JE655331 TA655327:TA655331 ACW655327:ACW655331 AMS655327:AMS655331 AWO655327:AWO655331 BGK655327:BGK655331 BQG655327:BQG655331 CAC655327:CAC655331 CJY655327:CJY655331 CTU655327:CTU655331 DDQ655327:DDQ655331 DNM655327:DNM655331 DXI655327:DXI655331 EHE655327:EHE655331 ERA655327:ERA655331 FAW655327:FAW655331 FKS655327:FKS655331 FUO655327:FUO655331 GEK655327:GEK655331 GOG655327:GOG655331 GYC655327:GYC655331 HHY655327:HHY655331 HRU655327:HRU655331 IBQ655327:IBQ655331 ILM655327:ILM655331 IVI655327:IVI655331 JFE655327:JFE655331 JPA655327:JPA655331 JYW655327:JYW655331 KIS655327:KIS655331 KSO655327:KSO655331 LCK655327:LCK655331 LMG655327:LMG655331 LWC655327:LWC655331 MFY655327:MFY655331 MPU655327:MPU655331 MZQ655327:MZQ655331 NJM655327:NJM655331 NTI655327:NTI655331 ODE655327:ODE655331 ONA655327:ONA655331 OWW655327:OWW655331 PGS655327:PGS655331 PQO655327:PQO655331 QAK655327:QAK655331 QKG655327:QKG655331 QUC655327:QUC655331 RDY655327:RDY655331 RNU655327:RNU655331 RXQ655327:RXQ655331 SHM655327:SHM655331 SRI655327:SRI655331 TBE655327:TBE655331 TLA655327:TLA655331 TUW655327:TUW655331 UES655327:UES655331 UOO655327:UOO655331 UYK655327:UYK655331 VIG655327:VIG655331 VSC655327:VSC655331 WBY655327:WBY655331 WLU655327:WLU655331 WVQ655327:WVQ655331 I720863:I720867 JE720863:JE720867 TA720863:TA720867 ACW720863:ACW720867 AMS720863:AMS720867 AWO720863:AWO720867 BGK720863:BGK720867 BQG720863:BQG720867 CAC720863:CAC720867 CJY720863:CJY720867 CTU720863:CTU720867 DDQ720863:DDQ720867 DNM720863:DNM720867 DXI720863:DXI720867 EHE720863:EHE720867 ERA720863:ERA720867 FAW720863:FAW720867 FKS720863:FKS720867 FUO720863:FUO720867 GEK720863:GEK720867 GOG720863:GOG720867 GYC720863:GYC720867 HHY720863:HHY720867 HRU720863:HRU720867 IBQ720863:IBQ720867 ILM720863:ILM720867 IVI720863:IVI720867 JFE720863:JFE720867 JPA720863:JPA720867 JYW720863:JYW720867 KIS720863:KIS720867 KSO720863:KSO720867 LCK720863:LCK720867 LMG720863:LMG720867 LWC720863:LWC720867 MFY720863:MFY720867 MPU720863:MPU720867 MZQ720863:MZQ720867 NJM720863:NJM720867 NTI720863:NTI720867 ODE720863:ODE720867 ONA720863:ONA720867 OWW720863:OWW720867 PGS720863:PGS720867 PQO720863:PQO720867 QAK720863:QAK720867 QKG720863:QKG720867 QUC720863:QUC720867 RDY720863:RDY720867 RNU720863:RNU720867 RXQ720863:RXQ720867 SHM720863:SHM720867 SRI720863:SRI720867 TBE720863:TBE720867 TLA720863:TLA720867 TUW720863:TUW720867 UES720863:UES720867 UOO720863:UOO720867 UYK720863:UYK720867 VIG720863:VIG720867 VSC720863:VSC720867 WBY720863:WBY720867 WLU720863:WLU720867 WVQ720863:WVQ720867 I786399:I786403 JE786399:JE786403 TA786399:TA786403 ACW786399:ACW786403 AMS786399:AMS786403 AWO786399:AWO786403 BGK786399:BGK786403 BQG786399:BQG786403 CAC786399:CAC786403 CJY786399:CJY786403 CTU786399:CTU786403 DDQ786399:DDQ786403 DNM786399:DNM786403 DXI786399:DXI786403 EHE786399:EHE786403 ERA786399:ERA786403 FAW786399:FAW786403 FKS786399:FKS786403 FUO786399:FUO786403 GEK786399:GEK786403 GOG786399:GOG786403 GYC786399:GYC786403 HHY786399:HHY786403 HRU786399:HRU786403 IBQ786399:IBQ786403 ILM786399:ILM786403 IVI786399:IVI786403 JFE786399:JFE786403 JPA786399:JPA786403 JYW786399:JYW786403 KIS786399:KIS786403 KSO786399:KSO786403 LCK786399:LCK786403 LMG786399:LMG786403 LWC786399:LWC786403 MFY786399:MFY786403 MPU786399:MPU786403 MZQ786399:MZQ786403 NJM786399:NJM786403 NTI786399:NTI786403 ODE786399:ODE786403 ONA786399:ONA786403 OWW786399:OWW786403 PGS786399:PGS786403 PQO786399:PQO786403 QAK786399:QAK786403 QKG786399:QKG786403 QUC786399:QUC786403 RDY786399:RDY786403 RNU786399:RNU786403 RXQ786399:RXQ786403 SHM786399:SHM786403 SRI786399:SRI786403 TBE786399:TBE786403 TLA786399:TLA786403 TUW786399:TUW786403 UES786399:UES786403 UOO786399:UOO786403 UYK786399:UYK786403 VIG786399:VIG786403 VSC786399:VSC786403 WBY786399:WBY786403 WLU786399:WLU786403 WVQ786399:WVQ786403 I851935:I851939 JE851935:JE851939 TA851935:TA851939 ACW851935:ACW851939 AMS851935:AMS851939 AWO851935:AWO851939 BGK851935:BGK851939 BQG851935:BQG851939 CAC851935:CAC851939 CJY851935:CJY851939 CTU851935:CTU851939 DDQ851935:DDQ851939 DNM851935:DNM851939 DXI851935:DXI851939 EHE851935:EHE851939 ERA851935:ERA851939 FAW851935:FAW851939 FKS851935:FKS851939 FUO851935:FUO851939 GEK851935:GEK851939 GOG851935:GOG851939 GYC851935:GYC851939 HHY851935:HHY851939 HRU851935:HRU851939 IBQ851935:IBQ851939 ILM851935:ILM851939 IVI851935:IVI851939 JFE851935:JFE851939 JPA851935:JPA851939 JYW851935:JYW851939 KIS851935:KIS851939 KSO851935:KSO851939 LCK851935:LCK851939 LMG851935:LMG851939 LWC851935:LWC851939 MFY851935:MFY851939 MPU851935:MPU851939 MZQ851935:MZQ851939 NJM851935:NJM851939 NTI851935:NTI851939 ODE851935:ODE851939 ONA851935:ONA851939 OWW851935:OWW851939 PGS851935:PGS851939 PQO851935:PQO851939 QAK851935:QAK851939 QKG851935:QKG851939 QUC851935:QUC851939 RDY851935:RDY851939 RNU851935:RNU851939 RXQ851935:RXQ851939 SHM851935:SHM851939 SRI851935:SRI851939 TBE851935:TBE851939 TLA851935:TLA851939 TUW851935:TUW851939 UES851935:UES851939 UOO851935:UOO851939 UYK851935:UYK851939 VIG851935:VIG851939 VSC851935:VSC851939 WBY851935:WBY851939 WLU851935:WLU851939 WVQ851935:WVQ851939 I917471:I917475 JE917471:JE917475 TA917471:TA917475 ACW917471:ACW917475 AMS917471:AMS917475 AWO917471:AWO917475 BGK917471:BGK917475 BQG917471:BQG917475 CAC917471:CAC917475 CJY917471:CJY917475 CTU917471:CTU917475 DDQ917471:DDQ917475 DNM917471:DNM917475 DXI917471:DXI917475 EHE917471:EHE917475 ERA917471:ERA917475 FAW917471:FAW917475 FKS917471:FKS917475 FUO917471:FUO917475 GEK917471:GEK917475 GOG917471:GOG917475 GYC917471:GYC917475 HHY917471:HHY917475 HRU917471:HRU917475 IBQ917471:IBQ917475 ILM917471:ILM917475 IVI917471:IVI917475 JFE917471:JFE917475 JPA917471:JPA917475 JYW917471:JYW917475 KIS917471:KIS917475 KSO917471:KSO917475 LCK917471:LCK917475 LMG917471:LMG917475 LWC917471:LWC917475 MFY917471:MFY917475 MPU917471:MPU917475 MZQ917471:MZQ917475 NJM917471:NJM917475 NTI917471:NTI917475 ODE917471:ODE917475 ONA917471:ONA917475 OWW917471:OWW917475 PGS917471:PGS917475 PQO917471:PQO917475 QAK917471:QAK917475 QKG917471:QKG917475 QUC917471:QUC917475 RDY917471:RDY917475 RNU917471:RNU917475 RXQ917471:RXQ917475 SHM917471:SHM917475 SRI917471:SRI917475 TBE917471:TBE917475 TLA917471:TLA917475 TUW917471:TUW917475 UES917471:UES917475 UOO917471:UOO917475 UYK917471:UYK917475 VIG917471:VIG917475 VSC917471:VSC917475 WBY917471:WBY917475 WLU917471:WLU917475 WVQ917471:WVQ917475 I983007:I983011 JE983007:JE983011 TA983007:TA983011 ACW983007:ACW983011 AMS983007:AMS983011 AWO983007:AWO983011 BGK983007:BGK983011 BQG983007:BQG983011 CAC983007:CAC983011 CJY983007:CJY983011 CTU983007:CTU983011 DDQ983007:DDQ983011 DNM983007:DNM983011 DXI983007:DXI983011 EHE983007:EHE983011 ERA983007:ERA983011 FAW983007:FAW983011 FKS983007:FKS983011 FUO983007:FUO983011 GEK983007:GEK983011 GOG983007:GOG983011 GYC983007:GYC983011 HHY983007:HHY983011 HRU983007:HRU983011 IBQ983007:IBQ983011 ILM983007:ILM983011 IVI983007:IVI983011 JFE983007:JFE983011 JPA983007:JPA983011 JYW983007:JYW983011 KIS983007:KIS983011 KSO983007:KSO983011 LCK983007:LCK983011 LMG983007:LMG983011 LWC983007:LWC983011 MFY983007:MFY983011 MPU983007:MPU983011 MZQ983007:MZQ983011 NJM983007:NJM983011 NTI983007:NTI983011 ODE983007:ODE983011 ONA983007:ONA983011 OWW983007:OWW983011 PGS983007:PGS983011 PQO983007:PQO983011 QAK983007:QAK983011 QKG983007:QKG983011 QUC983007:QUC983011 RDY983007:RDY983011 RNU983007:RNU983011 RXQ983007:RXQ983011 SHM983007:SHM983011 SRI983007:SRI983011 TBE983007:TBE983011 TLA983007:TLA983011 TUW983007:TUW983011 UES983007:UES983011 UOO983007:UOO983011 UYK983007:UYK983011 VIG983007:VIG983011 VSC983007:VSC983011 WBY983007:WBY983011 WLU983007:WLU983011 WVQ983007:WVQ983011">
      <formula1>0</formula1>
    </dataValidation>
  </dataValidations>
  <printOptions horizontalCentered="1"/>
  <pageMargins left="0.78740157480314965" right="0.78740157480314965" top="1.5748031496062993" bottom="0.78740157480314965" header="0.78740157480314965" footer="0.39370078740157483"/>
  <pageSetup paperSize="9" scale="72" orientation="portrait" r:id="rId1"/>
  <headerFooter alignWithMargins="0">
    <oddHeader>&amp;L様式５関係</oddHeader>
  </headerFooter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D29"/>
  <sheetViews>
    <sheetView view="pageBreakPreview" zoomScaleNormal="100" zoomScaleSheetLayoutView="100" workbookViewId="0">
      <selection activeCell="I22" sqref="I22"/>
    </sheetView>
  </sheetViews>
  <sheetFormatPr defaultRowHeight="14.25"/>
  <cols>
    <col min="1" max="4" width="21.625" style="38" customWidth="1"/>
    <col min="5" max="256" width="9" style="38"/>
    <col min="257" max="260" width="17.875" style="38" customWidth="1"/>
    <col min="261" max="512" width="9" style="38"/>
    <col min="513" max="516" width="17.875" style="38" customWidth="1"/>
    <col min="517" max="768" width="9" style="38"/>
    <col min="769" max="772" width="17.875" style="38" customWidth="1"/>
    <col min="773" max="1024" width="9" style="38"/>
    <col min="1025" max="1028" width="17.875" style="38" customWidth="1"/>
    <col min="1029" max="1280" width="9" style="38"/>
    <col min="1281" max="1284" width="17.875" style="38" customWidth="1"/>
    <col min="1285" max="1536" width="9" style="38"/>
    <col min="1537" max="1540" width="17.875" style="38" customWidth="1"/>
    <col min="1541" max="1792" width="9" style="38"/>
    <col min="1793" max="1796" width="17.875" style="38" customWidth="1"/>
    <col min="1797" max="2048" width="9" style="38"/>
    <col min="2049" max="2052" width="17.875" style="38" customWidth="1"/>
    <col min="2053" max="2304" width="9" style="38"/>
    <col min="2305" max="2308" width="17.875" style="38" customWidth="1"/>
    <col min="2309" max="2560" width="9" style="38"/>
    <col min="2561" max="2564" width="17.875" style="38" customWidth="1"/>
    <col min="2565" max="2816" width="9" style="38"/>
    <col min="2817" max="2820" width="17.875" style="38" customWidth="1"/>
    <col min="2821" max="3072" width="9" style="38"/>
    <col min="3073" max="3076" width="17.875" style="38" customWidth="1"/>
    <col min="3077" max="3328" width="9" style="38"/>
    <col min="3329" max="3332" width="17.875" style="38" customWidth="1"/>
    <col min="3333" max="3584" width="9" style="38"/>
    <col min="3585" max="3588" width="17.875" style="38" customWidth="1"/>
    <col min="3589" max="3840" width="9" style="38"/>
    <col min="3841" max="3844" width="17.875" style="38" customWidth="1"/>
    <col min="3845" max="4096" width="9" style="38"/>
    <col min="4097" max="4100" width="17.875" style="38" customWidth="1"/>
    <col min="4101" max="4352" width="9" style="38"/>
    <col min="4353" max="4356" width="17.875" style="38" customWidth="1"/>
    <col min="4357" max="4608" width="9" style="38"/>
    <col min="4609" max="4612" width="17.875" style="38" customWidth="1"/>
    <col min="4613" max="4864" width="9" style="38"/>
    <col min="4865" max="4868" width="17.875" style="38" customWidth="1"/>
    <col min="4869" max="5120" width="9" style="38"/>
    <col min="5121" max="5124" width="17.875" style="38" customWidth="1"/>
    <col min="5125" max="5376" width="9" style="38"/>
    <col min="5377" max="5380" width="17.875" style="38" customWidth="1"/>
    <col min="5381" max="5632" width="9" style="38"/>
    <col min="5633" max="5636" width="17.875" style="38" customWidth="1"/>
    <col min="5637" max="5888" width="9" style="38"/>
    <col min="5889" max="5892" width="17.875" style="38" customWidth="1"/>
    <col min="5893" max="6144" width="9" style="38"/>
    <col min="6145" max="6148" width="17.875" style="38" customWidth="1"/>
    <col min="6149" max="6400" width="9" style="38"/>
    <col min="6401" max="6404" width="17.875" style="38" customWidth="1"/>
    <col min="6405" max="6656" width="9" style="38"/>
    <col min="6657" max="6660" width="17.875" style="38" customWidth="1"/>
    <col min="6661" max="6912" width="9" style="38"/>
    <col min="6913" max="6916" width="17.875" style="38" customWidth="1"/>
    <col min="6917" max="7168" width="9" style="38"/>
    <col min="7169" max="7172" width="17.875" style="38" customWidth="1"/>
    <col min="7173" max="7424" width="9" style="38"/>
    <col min="7425" max="7428" width="17.875" style="38" customWidth="1"/>
    <col min="7429" max="7680" width="9" style="38"/>
    <col min="7681" max="7684" width="17.875" style="38" customWidth="1"/>
    <col min="7685" max="7936" width="9" style="38"/>
    <col min="7937" max="7940" width="17.875" style="38" customWidth="1"/>
    <col min="7941" max="8192" width="9" style="38"/>
    <col min="8193" max="8196" width="17.875" style="38" customWidth="1"/>
    <col min="8197" max="8448" width="9" style="38"/>
    <col min="8449" max="8452" width="17.875" style="38" customWidth="1"/>
    <col min="8453" max="8704" width="9" style="38"/>
    <col min="8705" max="8708" width="17.875" style="38" customWidth="1"/>
    <col min="8709" max="8960" width="9" style="38"/>
    <col min="8961" max="8964" width="17.875" style="38" customWidth="1"/>
    <col min="8965" max="9216" width="9" style="38"/>
    <col min="9217" max="9220" width="17.875" style="38" customWidth="1"/>
    <col min="9221" max="9472" width="9" style="38"/>
    <col min="9473" max="9476" width="17.875" style="38" customWidth="1"/>
    <col min="9477" max="9728" width="9" style="38"/>
    <col min="9729" max="9732" width="17.875" style="38" customWidth="1"/>
    <col min="9733" max="9984" width="9" style="38"/>
    <col min="9985" max="9988" width="17.875" style="38" customWidth="1"/>
    <col min="9989" max="10240" width="9" style="38"/>
    <col min="10241" max="10244" width="17.875" style="38" customWidth="1"/>
    <col min="10245" max="10496" width="9" style="38"/>
    <col min="10497" max="10500" width="17.875" style="38" customWidth="1"/>
    <col min="10501" max="10752" width="9" style="38"/>
    <col min="10753" max="10756" width="17.875" style="38" customWidth="1"/>
    <col min="10757" max="11008" width="9" style="38"/>
    <col min="11009" max="11012" width="17.875" style="38" customWidth="1"/>
    <col min="11013" max="11264" width="9" style="38"/>
    <col min="11265" max="11268" width="17.875" style="38" customWidth="1"/>
    <col min="11269" max="11520" width="9" style="38"/>
    <col min="11521" max="11524" width="17.875" style="38" customWidth="1"/>
    <col min="11525" max="11776" width="9" style="38"/>
    <col min="11777" max="11780" width="17.875" style="38" customWidth="1"/>
    <col min="11781" max="12032" width="9" style="38"/>
    <col min="12033" max="12036" width="17.875" style="38" customWidth="1"/>
    <col min="12037" max="12288" width="9" style="38"/>
    <col min="12289" max="12292" width="17.875" style="38" customWidth="1"/>
    <col min="12293" max="12544" width="9" style="38"/>
    <col min="12545" max="12548" width="17.875" style="38" customWidth="1"/>
    <col min="12549" max="12800" width="9" style="38"/>
    <col min="12801" max="12804" width="17.875" style="38" customWidth="1"/>
    <col min="12805" max="13056" width="9" style="38"/>
    <col min="13057" max="13060" width="17.875" style="38" customWidth="1"/>
    <col min="13061" max="13312" width="9" style="38"/>
    <col min="13313" max="13316" width="17.875" style="38" customWidth="1"/>
    <col min="13317" max="13568" width="9" style="38"/>
    <col min="13569" max="13572" width="17.875" style="38" customWidth="1"/>
    <col min="13573" max="13824" width="9" style="38"/>
    <col min="13825" max="13828" width="17.875" style="38" customWidth="1"/>
    <col min="13829" max="14080" width="9" style="38"/>
    <col min="14081" max="14084" width="17.875" style="38" customWidth="1"/>
    <col min="14085" max="14336" width="9" style="38"/>
    <col min="14337" max="14340" width="17.875" style="38" customWidth="1"/>
    <col min="14341" max="14592" width="9" style="38"/>
    <col min="14593" max="14596" width="17.875" style="38" customWidth="1"/>
    <col min="14597" max="14848" width="9" style="38"/>
    <col min="14849" max="14852" width="17.875" style="38" customWidth="1"/>
    <col min="14853" max="15104" width="9" style="38"/>
    <col min="15105" max="15108" width="17.875" style="38" customWidth="1"/>
    <col min="15109" max="15360" width="9" style="38"/>
    <col min="15361" max="15364" width="17.875" style="38" customWidth="1"/>
    <col min="15365" max="15616" width="9" style="38"/>
    <col min="15617" max="15620" width="17.875" style="38" customWidth="1"/>
    <col min="15621" max="15872" width="9" style="38"/>
    <col min="15873" max="15876" width="17.875" style="38" customWidth="1"/>
    <col min="15877" max="16128" width="9" style="38"/>
    <col min="16129" max="16132" width="17.875" style="38" customWidth="1"/>
    <col min="16133" max="16384" width="9" style="38"/>
  </cols>
  <sheetData>
    <row r="1" spans="1:4">
      <c r="A1" s="101" t="s">
        <v>96</v>
      </c>
      <c r="B1" s="101"/>
      <c r="C1" s="101"/>
      <c r="D1" s="101"/>
    </row>
    <row r="2" spans="1:4" ht="6" customHeight="1"/>
    <row r="3" spans="1:4">
      <c r="A3" s="101" t="s">
        <v>92</v>
      </c>
      <c r="B3" s="101"/>
      <c r="C3" s="101"/>
      <c r="D3" s="101"/>
    </row>
    <row r="5" spans="1:4" ht="30.75" customHeight="1">
      <c r="D5" s="39" t="s">
        <v>54</v>
      </c>
    </row>
    <row r="6" spans="1:4" ht="18.75" customHeight="1">
      <c r="A6" s="102" t="s">
        <v>55</v>
      </c>
      <c r="B6" s="103"/>
      <c r="C6" s="102" t="s">
        <v>56</v>
      </c>
      <c r="D6" s="103"/>
    </row>
    <row r="7" spans="1:4" ht="18.75" customHeight="1">
      <c r="A7" s="40" t="s">
        <v>57</v>
      </c>
      <c r="B7" s="40" t="s">
        <v>58</v>
      </c>
      <c r="C7" s="40" t="s">
        <v>59</v>
      </c>
      <c r="D7" s="40" t="s">
        <v>58</v>
      </c>
    </row>
    <row r="8" spans="1:4" ht="18.75" customHeight="1">
      <c r="A8" s="41"/>
      <c r="B8" s="42"/>
      <c r="C8" s="42"/>
      <c r="D8" s="42"/>
    </row>
    <row r="9" spans="1:4" ht="18.75" customHeight="1">
      <c r="A9" s="41" t="s">
        <v>60</v>
      </c>
      <c r="B9" s="43"/>
      <c r="C9" s="43"/>
      <c r="D9" s="43"/>
    </row>
    <row r="10" spans="1:4" ht="18.75" customHeight="1">
      <c r="A10" s="41"/>
      <c r="B10" s="43"/>
      <c r="C10" s="43"/>
      <c r="D10" s="43"/>
    </row>
    <row r="11" spans="1:4" ht="18.75" customHeight="1">
      <c r="A11" s="41" t="s">
        <v>61</v>
      </c>
      <c r="B11" s="43"/>
      <c r="C11" s="43"/>
      <c r="D11" s="43"/>
    </row>
    <row r="12" spans="1:4" ht="18.75" customHeight="1">
      <c r="A12" s="41"/>
      <c r="B12" s="43"/>
      <c r="C12" s="43"/>
      <c r="D12" s="43"/>
    </row>
    <row r="13" spans="1:4" ht="18.75" customHeight="1">
      <c r="A13" s="41" t="s">
        <v>73</v>
      </c>
      <c r="B13" s="43"/>
      <c r="C13" s="43"/>
      <c r="D13" s="43"/>
    </row>
    <row r="14" spans="1:4" ht="18.75" customHeight="1">
      <c r="A14" s="41"/>
      <c r="B14" s="43"/>
      <c r="C14" s="43"/>
      <c r="D14" s="43"/>
    </row>
    <row r="15" spans="1:4" ht="18.75" customHeight="1">
      <c r="A15" s="41" t="s">
        <v>74</v>
      </c>
      <c r="B15" s="43"/>
      <c r="C15" s="43"/>
      <c r="D15" s="43"/>
    </row>
    <row r="16" spans="1:4" ht="18.75" customHeight="1">
      <c r="A16" s="44"/>
      <c r="B16" s="45"/>
      <c r="C16" s="45"/>
      <c r="D16" s="45"/>
    </row>
    <row r="17" spans="1:4" ht="30" customHeight="1">
      <c r="A17" s="40" t="s">
        <v>62</v>
      </c>
      <c r="B17" s="46">
        <f>SUM(B8:B16)</f>
        <v>0</v>
      </c>
      <c r="C17" s="47" t="s">
        <v>62</v>
      </c>
      <c r="D17" s="46">
        <f>SUM(D8:D16)</f>
        <v>0</v>
      </c>
    </row>
    <row r="20" spans="1:4">
      <c r="A20" s="38" t="s">
        <v>97</v>
      </c>
    </row>
    <row r="22" spans="1:4">
      <c r="A22" s="38" t="s">
        <v>63</v>
      </c>
    </row>
    <row r="24" spans="1:4">
      <c r="B24" s="48" t="s">
        <v>64</v>
      </c>
    </row>
    <row r="25" spans="1:4">
      <c r="B25" s="48"/>
    </row>
    <row r="26" spans="1:4">
      <c r="B26" s="48" t="s">
        <v>65</v>
      </c>
    </row>
    <row r="27" spans="1:4">
      <c r="B27" s="48"/>
    </row>
    <row r="28" spans="1:4">
      <c r="B28" s="48" t="s">
        <v>66</v>
      </c>
      <c r="D28" s="49" t="s">
        <v>67</v>
      </c>
    </row>
    <row r="29" spans="1:4">
      <c r="B29" s="48"/>
    </row>
  </sheetData>
  <mergeCells count="4">
    <mergeCell ref="A1:D1"/>
    <mergeCell ref="A3:D3"/>
    <mergeCell ref="A6:B6"/>
    <mergeCell ref="C6:D6"/>
  </mergeCells>
  <phoneticPr fontId="2"/>
  <printOptions horizontalCentered="1"/>
  <pageMargins left="0.78740157480314965" right="0.78740157480314965" top="1.5748031496062993" bottom="0.78740157480314965" header="0.78740157480314965" footer="0.39370078740157483"/>
  <pageSetup paperSize="9" scale="92" orientation="portrait" r:id="rId1"/>
  <headerFooter alignWithMargins="0">
    <oddHeader>&amp;L様式５関係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2</vt:i4>
      </vt:variant>
    </vt:vector>
  </HeadingPairs>
  <TitlesOfParts>
    <vt:vector size="7" baseType="lpstr">
      <vt:lpstr>2  経費精算額調書</vt:lpstr>
      <vt:lpstr>2  経費精算額調書 (記入例)</vt:lpstr>
      <vt:lpstr>3  事業実績報告書</vt:lpstr>
      <vt:lpstr>4  事業実績明細書</vt:lpstr>
      <vt:lpstr>５  (1)当該事業に係る歳入歳出決算書の抄本</vt:lpstr>
      <vt:lpstr>'3  事業実績報告書'!Print_Area</vt:lpstr>
      <vt:lpstr>'4  事業実績明細書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石田 由美子</dc:creator>
  <cp:lastModifiedBy>user</cp:lastModifiedBy>
  <cp:lastPrinted>2020-04-27T04:09:03Z</cp:lastPrinted>
  <dcterms:created xsi:type="dcterms:W3CDTF">2020-03-11T05:27:44Z</dcterms:created>
  <dcterms:modified xsi:type="dcterms:W3CDTF">2024-03-14T01:43:59Z</dcterms:modified>
</cp:coreProperties>
</file>